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228"/>
  <workbookPr codeName="Ten_skoroszyt" defaultThemeVersion="166925"/>
  <mc:AlternateContent xmlns:mc="http://schemas.openxmlformats.org/markup-compatibility/2006">
    <mc:Choice Requires="x15">
      <x15ac:absPath xmlns:x15ac="http://schemas.microsoft.com/office/spreadsheetml/2010/11/ac" url="\\s01\profile\klaudia.grodzka\Desktop\Beach Soccer\2018\I liga\"/>
    </mc:Choice>
  </mc:AlternateContent>
  <xr:revisionPtr revIDLastSave="0" documentId="8_{DD6F828D-EB8D-46AD-A2FF-EAD813EA8CE6}" xr6:coauthVersionLast="34" xr6:coauthVersionMax="34" xr10:uidLastSave="{00000000-0000-0000-0000-000000000000}"/>
  <bookViews>
    <workbookView xWindow="0" yWindow="0" windowWidth="23040" windowHeight="9072" activeTab="1" xr2:uid="{00000000-000D-0000-FFFF-FFFF00000000}"/>
  </bookViews>
  <sheets>
    <sheet name="wyniki" sheetId="2" r:id="rId1"/>
    <sheet name="Tabela" sheetId="9" r:id="rId2"/>
    <sheet name="kartki" sheetId="8" r:id="rId3"/>
    <sheet name="strzelcy" sheetId="3" r:id="rId4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87" uniqueCount="331">
  <si>
    <t>przerwa</t>
  </si>
  <si>
    <t>Dzień 1, 30 czerwca 2018, sobota</t>
  </si>
  <si>
    <t>Dzień 2, 1 lipca 2018, niedziela</t>
  </si>
  <si>
    <t>Dzień 2, 29 lipca 2018, niedziela</t>
  </si>
  <si>
    <t>Dzień 1, 28 lipca 2018, sobota</t>
  </si>
  <si>
    <t>BSCC 2015 Łódź</t>
  </si>
  <si>
    <t>Dragon Bojano</t>
  </si>
  <si>
    <t>Hetman Tykocin</t>
  </si>
  <si>
    <t>Zgoda Chodecz BST</t>
  </si>
  <si>
    <t>UKS Morze Stegna</t>
  </si>
  <si>
    <t>KP Rapid Lublin</t>
  </si>
  <si>
    <t>Heiro Rzeszów</t>
  </si>
  <si>
    <t>I Turniej I ligi, Sztutowo, 30 czerwca - 1 lipca 2018</t>
  </si>
  <si>
    <t>II Turniej I ligi, Lublin, 28 - 29 lipca 2018</t>
  </si>
  <si>
    <t>KS Sośnica Gliwice</t>
  </si>
  <si>
    <t>13:3 (2:0, 4:2, 7:1)</t>
  </si>
  <si>
    <t>8:4 (1:0, 4:3, 3:1)</t>
  </si>
  <si>
    <t>Mateusz</t>
  </si>
  <si>
    <t>Igor</t>
  </si>
  <si>
    <t>Sobaczyk</t>
  </si>
  <si>
    <t>Weremko</t>
  </si>
  <si>
    <t>Maksymilian</t>
  </si>
  <si>
    <t>Klepczarek</t>
  </si>
  <si>
    <t>Piotr</t>
  </si>
  <si>
    <t>Wolski</t>
  </si>
  <si>
    <t>Marcin</t>
  </si>
  <si>
    <t xml:space="preserve">Nykiel </t>
  </si>
  <si>
    <t>Krzysztof</t>
  </si>
  <si>
    <t>Paweł</t>
  </si>
  <si>
    <t>Golański</t>
  </si>
  <si>
    <t xml:space="preserve">Seremak </t>
  </si>
  <si>
    <t>Karol</t>
  </si>
  <si>
    <t>Olczak</t>
  </si>
  <si>
    <t>5, '12, '31; '36</t>
  </si>
  <si>
    <t xml:space="preserve">15, </t>
  </si>
  <si>
    <t xml:space="preserve">17, </t>
  </si>
  <si>
    <t>Morze Stegna</t>
  </si>
  <si>
    <t>21</t>
  </si>
  <si>
    <t>24</t>
  </si>
  <si>
    <t>26, '29</t>
  </si>
  <si>
    <t>33</t>
  </si>
  <si>
    <t>36</t>
  </si>
  <si>
    <t>Bistuła</t>
  </si>
  <si>
    <t>Jakub</t>
  </si>
  <si>
    <t>Winiarczyk</t>
  </si>
  <si>
    <t>Kacper</t>
  </si>
  <si>
    <t>Widzicki</t>
  </si>
  <si>
    <t>Marek</t>
  </si>
  <si>
    <t>Groth</t>
  </si>
  <si>
    <t>Daniel</t>
  </si>
  <si>
    <t>Rapid Lublin</t>
  </si>
  <si>
    <t>7, '24, '28</t>
  </si>
  <si>
    <t>Dempc</t>
  </si>
  <si>
    <t>Łukasz</t>
  </si>
  <si>
    <t>8</t>
  </si>
  <si>
    <t>13</t>
  </si>
  <si>
    <t>25</t>
  </si>
  <si>
    <t>17</t>
  </si>
  <si>
    <t>Łabieniec</t>
  </si>
  <si>
    <t>Michał</t>
  </si>
  <si>
    <t>Firańczyk</t>
  </si>
  <si>
    <t>Jackiewicz</t>
  </si>
  <si>
    <t>Kamil</t>
  </si>
  <si>
    <t>Sobek</t>
  </si>
  <si>
    <t>Remigiusz</t>
  </si>
  <si>
    <t xml:space="preserve">Kujawa </t>
  </si>
  <si>
    <t>Dzierzgowski</t>
  </si>
  <si>
    <t>Tomasz</t>
  </si>
  <si>
    <t>Kiełpiński</t>
  </si>
  <si>
    <t>Citko</t>
  </si>
  <si>
    <t>Adrian</t>
  </si>
  <si>
    <t>Zubowski</t>
  </si>
  <si>
    <t>Damian</t>
  </si>
  <si>
    <t>Kuźnik</t>
  </si>
  <si>
    <t>Jędruszek</t>
  </si>
  <si>
    <t>Norbert</t>
  </si>
  <si>
    <t xml:space="preserve">6, '22, </t>
  </si>
  <si>
    <t>14</t>
  </si>
  <si>
    <t>16</t>
  </si>
  <si>
    <t>18</t>
  </si>
  <si>
    <t>19</t>
  </si>
  <si>
    <t>25, '36</t>
  </si>
  <si>
    <t>26</t>
  </si>
  <si>
    <t>30</t>
  </si>
  <si>
    <t>32</t>
  </si>
  <si>
    <t>4:6 (1:1, 1:4, 2:1)</t>
  </si>
  <si>
    <t>Wilk</t>
  </si>
  <si>
    <t>Becker</t>
  </si>
  <si>
    <t>Dominik</t>
  </si>
  <si>
    <t>Hady</t>
  </si>
  <si>
    <t>Krawczyk</t>
  </si>
  <si>
    <t>Przybyło</t>
  </si>
  <si>
    <t>Bartłomiej</t>
  </si>
  <si>
    <t>Trawka</t>
  </si>
  <si>
    <t>Radosław</t>
  </si>
  <si>
    <t>Zewiński</t>
  </si>
  <si>
    <t>Bartosz</t>
  </si>
  <si>
    <t>Rosiak</t>
  </si>
  <si>
    <t>Zgoda Chodecz</t>
  </si>
  <si>
    <t>2</t>
  </si>
  <si>
    <t>7</t>
  </si>
  <si>
    <t>20, '20</t>
  </si>
  <si>
    <t>22</t>
  </si>
  <si>
    <t>22, '25</t>
  </si>
  <si>
    <t>8:2 (3:1, 2:1, 3:0)</t>
  </si>
  <si>
    <t>Gieraszek</t>
  </si>
  <si>
    <t>Arkadiusz</t>
  </si>
  <si>
    <t>Stasiński</t>
  </si>
  <si>
    <t>1</t>
  </si>
  <si>
    <t>13, '32</t>
  </si>
  <si>
    <t>10</t>
  </si>
  <si>
    <t>22, '36</t>
  </si>
  <si>
    <t>4:8 (2:2, 1:2, 1:4)</t>
  </si>
  <si>
    <t xml:space="preserve">Gryko </t>
  </si>
  <si>
    <t>4, '8</t>
  </si>
  <si>
    <t>7, '34</t>
  </si>
  <si>
    <t>9, '22, '25</t>
  </si>
  <si>
    <t>28</t>
  </si>
  <si>
    <t>29</t>
  </si>
  <si>
    <t>NR MECZU</t>
  </si>
  <si>
    <t>Fulsport Heiro Rzeszów</t>
  </si>
  <si>
    <t>3:10 (2:3, 1:4, 0:3)</t>
  </si>
  <si>
    <t>4, '24, '29</t>
  </si>
  <si>
    <t xml:space="preserve">5, '20, </t>
  </si>
  <si>
    <t xml:space="preserve">8, '17, </t>
  </si>
  <si>
    <t>10, '32, '36</t>
  </si>
  <si>
    <t>Szmidt</t>
  </si>
  <si>
    <t>12</t>
  </si>
  <si>
    <t>Szpar</t>
  </si>
  <si>
    <t>Szymon</t>
  </si>
  <si>
    <t>23</t>
  </si>
  <si>
    <t>7:10 (2:6, 2:1, 3:3)</t>
  </si>
  <si>
    <t>Giętkowski</t>
  </si>
  <si>
    <t>3, '8, '25</t>
  </si>
  <si>
    <t>Wiśniewski</t>
  </si>
  <si>
    <t>5, '16</t>
  </si>
  <si>
    <t>Leszczyński</t>
  </si>
  <si>
    <t>6</t>
  </si>
  <si>
    <t>Borkowski</t>
  </si>
  <si>
    <t>7, '31</t>
  </si>
  <si>
    <t>Oziemksi</t>
  </si>
  <si>
    <t>9</t>
  </si>
  <si>
    <t>Jasiński</t>
  </si>
  <si>
    <t>Jędrzej</t>
  </si>
  <si>
    <t>9, '32</t>
  </si>
  <si>
    <t>Karmański</t>
  </si>
  <si>
    <t>11, '29</t>
  </si>
  <si>
    <t>13, '36</t>
  </si>
  <si>
    <t>Piecuch</t>
  </si>
  <si>
    <t>31</t>
  </si>
  <si>
    <t>7, ''12, 36</t>
  </si>
  <si>
    <r>
      <rPr>
        <b/>
        <sz val="12"/>
        <rFont val="Calibri"/>
        <family val="2"/>
        <charset val="238"/>
        <scheme val="minor"/>
      </rPr>
      <t>d. 4:5.</t>
    </r>
    <r>
      <rPr>
        <sz val="12"/>
        <rFont val="Calibri"/>
        <family val="2"/>
        <charset val="238"/>
        <scheme val="minor"/>
      </rPr>
      <t xml:space="preserve">  4:4 (0:2, 3:1, 1:1)</t>
    </r>
  </si>
  <si>
    <t>4:1 (0:0, 2:0, 2:1)</t>
  </si>
  <si>
    <t xml:space="preserve">9, '11, </t>
  </si>
  <si>
    <t xml:space="preserve">Zgierski </t>
  </si>
  <si>
    <t>Fularski</t>
  </si>
  <si>
    <t>Grzegorz</t>
  </si>
  <si>
    <t>Boniaszczyk</t>
  </si>
  <si>
    <t>Kłyk</t>
  </si>
  <si>
    <t>Wojciech</t>
  </si>
  <si>
    <t xml:space="preserve">Mateusz </t>
  </si>
  <si>
    <t>20</t>
  </si>
  <si>
    <t>27</t>
  </si>
  <si>
    <t>34</t>
  </si>
  <si>
    <t>37</t>
  </si>
  <si>
    <t>20, '23, '27, '34</t>
  </si>
  <si>
    <t>13:5 (6:2, 1:2, 6:1)</t>
  </si>
  <si>
    <t>3, '6, '11, '31'36</t>
  </si>
  <si>
    <t>4</t>
  </si>
  <si>
    <t>6, '7, '14, '34, '35</t>
  </si>
  <si>
    <t>10, '34</t>
  </si>
  <si>
    <t>Piotrowicz</t>
  </si>
  <si>
    <t>Bekierski</t>
  </si>
  <si>
    <t>4:5 (0:1, 2:1, 2:3)</t>
  </si>
  <si>
    <t>Mikołajewicz</t>
  </si>
  <si>
    <t>13'28</t>
  </si>
  <si>
    <t>17, '28</t>
  </si>
  <si>
    <t>Chmielnicki</t>
  </si>
  <si>
    <t>'27, '28</t>
  </si>
  <si>
    <t>Ostrowski</t>
  </si>
  <si>
    <t>7:1 (1:1, 3:0, 2:0)</t>
  </si>
  <si>
    <t>Michał Maciąg 17</t>
  </si>
  <si>
    <t>Daniel Groth 5</t>
  </si>
  <si>
    <t>Dawid Siemko 6</t>
  </si>
  <si>
    <t>Piotr Krawczyk 10</t>
  </si>
  <si>
    <t>Karol Wilk 33                                                              Piotr Krawczyk 10</t>
  </si>
  <si>
    <t>Herio Rzeszów</t>
  </si>
  <si>
    <t>Michał Kuźnik  18</t>
  </si>
  <si>
    <t xml:space="preserve"> Marcin Kiełpiński 17 </t>
  </si>
  <si>
    <t>Norber Jendruszek  6</t>
  </si>
  <si>
    <t>KLUB</t>
  </si>
  <si>
    <t>KOLEJKA</t>
  </si>
  <si>
    <t>Wykaz kartek w rozgrywkach I Ligi Piłki Nożnej Plażowej 2018</t>
  </si>
  <si>
    <t xml:space="preserve">Mateusz Kłyk 17            </t>
  </si>
  <si>
    <t xml:space="preserve"> Marcin Zapał 12</t>
  </si>
  <si>
    <r>
      <t xml:space="preserve">Mateusz Wiśniewski 7                                       Jakub Karmański 5                           </t>
    </r>
    <r>
      <rPr>
        <sz val="11"/>
        <color rgb="FFFF0000"/>
        <rFont val="Calibri"/>
        <family val="2"/>
        <charset val="238"/>
        <scheme val="minor"/>
      </rPr>
      <t xml:space="preserve">   </t>
    </r>
  </si>
  <si>
    <t>Adrian Pogorzelski 5                                               Mateusz Lisowski 13                                         Michał Łabieniec 90                                      Karol Szczawiński 14                                         Adrian Pogorzelski 5                                       Mateusz Lisowski 13</t>
  </si>
  <si>
    <t>Bartłomiej Stolarz (2 mecze)                         Mateusz Wiśniewski (2 mecze)</t>
  </si>
  <si>
    <t>Bartłomiej Stolarz (1 mecz)</t>
  </si>
  <si>
    <t>9:4 (2:1, 2:1, 5:2)</t>
  </si>
  <si>
    <t>Radosław Chmielnicki 2</t>
  </si>
  <si>
    <t>Karol Wilk 7</t>
  </si>
  <si>
    <t>Krupski</t>
  </si>
  <si>
    <t>Rafał</t>
  </si>
  <si>
    <t>Walęciuk</t>
  </si>
  <si>
    <t>Jarosław</t>
  </si>
  <si>
    <t>Paździor</t>
  </si>
  <si>
    <t>Jacek</t>
  </si>
  <si>
    <t>9, '25</t>
  </si>
  <si>
    <t>Sobiech</t>
  </si>
  <si>
    <t>Erwin</t>
  </si>
  <si>
    <t>Piorun</t>
  </si>
  <si>
    <t>Dawid</t>
  </si>
  <si>
    <t>21, '34</t>
  </si>
  <si>
    <t>28, '35</t>
  </si>
  <si>
    <t>5, '19, '28, '34</t>
  </si>
  <si>
    <t>5:3(1:1, 2:0, 2:2)</t>
  </si>
  <si>
    <t>Zubek Denis 13</t>
  </si>
  <si>
    <t>'13, '14, '32</t>
  </si>
  <si>
    <t>30, '36</t>
  </si>
  <si>
    <t>4:7(2:3, 1:0, 1:4)</t>
  </si>
  <si>
    <t>Barański Paweł</t>
  </si>
  <si>
    <t>1, '24, '29</t>
  </si>
  <si>
    <t>Szczurek</t>
  </si>
  <si>
    <t>2, '4, '33</t>
  </si>
  <si>
    <t xml:space="preserve">11, '25, </t>
  </si>
  <si>
    <t>Barański</t>
  </si>
  <si>
    <r>
      <rPr>
        <b/>
        <sz val="12"/>
        <color theme="1"/>
        <rFont val="Calibri"/>
        <family val="2"/>
        <charset val="238"/>
        <scheme val="minor"/>
      </rPr>
      <t>K. 3-1</t>
    </r>
    <r>
      <rPr>
        <sz val="12"/>
        <color theme="1"/>
        <rFont val="Calibri"/>
        <family val="2"/>
        <charset val="238"/>
        <scheme val="minor"/>
      </rPr>
      <t xml:space="preserve"> 3:3(2:3,1:0,0:0)</t>
    </r>
  </si>
  <si>
    <t>Jakub Bistula 7                             Dariusz Grubba</t>
  </si>
  <si>
    <t>11</t>
  </si>
  <si>
    <t>Dzierżko</t>
  </si>
  <si>
    <t>Szczawiński</t>
  </si>
  <si>
    <t xml:space="preserve">2, '3, </t>
  </si>
  <si>
    <t>Bąkowski Krystian 18                        Bąkowski Krystian 18</t>
  </si>
  <si>
    <t>2, '12,'15</t>
  </si>
  <si>
    <t xml:space="preserve">Łabędzki </t>
  </si>
  <si>
    <t>5</t>
  </si>
  <si>
    <t>14, '16</t>
  </si>
  <si>
    <t>35</t>
  </si>
  <si>
    <t>11, '23, '29, '36</t>
  </si>
  <si>
    <t>Opaliński</t>
  </si>
  <si>
    <t>4, '11</t>
  </si>
  <si>
    <t>Szalacha</t>
  </si>
  <si>
    <t>Woźniak</t>
  </si>
  <si>
    <t>Krystian</t>
  </si>
  <si>
    <t>Opaliński Damian 13</t>
  </si>
  <si>
    <t>6:12(3:5, 3:9, 6:12)</t>
  </si>
  <si>
    <t>1:12(0:5, 1:3, 0:4)</t>
  </si>
  <si>
    <t>1, '27</t>
  </si>
  <si>
    <t>5, '24, '29</t>
  </si>
  <si>
    <t>Kurkiwicz</t>
  </si>
  <si>
    <t>8, '19,'31</t>
  </si>
  <si>
    <t>Zapał</t>
  </si>
  <si>
    <t>9:5(2:1, 4:1, 3:3)</t>
  </si>
  <si>
    <t>15</t>
  </si>
  <si>
    <t>11, '12, '19,'34</t>
  </si>
  <si>
    <t>4, '35</t>
  </si>
  <si>
    <t>13,'35</t>
  </si>
  <si>
    <t>Satiński</t>
  </si>
  <si>
    <t>Maksym</t>
  </si>
  <si>
    <t xml:space="preserve">5, '21, </t>
  </si>
  <si>
    <t xml:space="preserve">Kryński </t>
  </si>
  <si>
    <t>Cezary</t>
  </si>
  <si>
    <t>25,'31</t>
  </si>
  <si>
    <t>Bielicki</t>
  </si>
  <si>
    <t>Sylwester</t>
  </si>
  <si>
    <t>23, '35</t>
  </si>
  <si>
    <t>3:6(1:2, 1:3, 1:1)</t>
  </si>
  <si>
    <t>mecze</t>
  </si>
  <si>
    <t>punkty</t>
  </si>
  <si>
    <t>bramki</t>
  </si>
  <si>
    <t>bilans</t>
  </si>
  <si>
    <t>12:2(4:0, 2:0, 6:2)</t>
  </si>
  <si>
    <t>-4</t>
  </si>
  <si>
    <t>Wdowik</t>
  </si>
  <si>
    <t>1, '5, '8, '15, '32, '36</t>
  </si>
  <si>
    <t xml:space="preserve">3, '27, </t>
  </si>
  <si>
    <t xml:space="preserve">27, </t>
  </si>
  <si>
    <t>24, ' 27</t>
  </si>
  <si>
    <t>5:2(0:1, 1:1, 4:0)</t>
  </si>
  <si>
    <t>Jackiewicz Kamil 21</t>
  </si>
  <si>
    <t>12, '20</t>
  </si>
  <si>
    <t>24, '34</t>
  </si>
  <si>
    <t xml:space="preserve">11:1(4:0, 5:0, 2:1) </t>
  </si>
  <si>
    <t>Łopatka</t>
  </si>
  <si>
    <t>Artur</t>
  </si>
  <si>
    <t>1, '3, '4, '25</t>
  </si>
  <si>
    <t>17, '23,'24</t>
  </si>
  <si>
    <t>24'30</t>
  </si>
  <si>
    <t>3:6(1:2, 2:3, 0:1)</t>
  </si>
  <si>
    <t>+13</t>
  </si>
  <si>
    <t>Kryński Cezary 14</t>
  </si>
  <si>
    <t>Kos</t>
  </si>
  <si>
    <t>Maciej</t>
  </si>
  <si>
    <t xml:space="preserve">4, </t>
  </si>
  <si>
    <t>Bąkowski</t>
  </si>
  <si>
    <t>3</t>
  </si>
  <si>
    <t>7, 15</t>
  </si>
  <si>
    <t>34, '35</t>
  </si>
  <si>
    <t>0:12(0:4, 0:4, 0:4)</t>
  </si>
  <si>
    <t>25-70</t>
  </si>
  <si>
    <t>-45</t>
  </si>
  <si>
    <t>49-15</t>
  </si>
  <si>
    <t>+34</t>
  </si>
  <si>
    <t xml:space="preserve">4, '7, '12, '19, '19, '27, '28, </t>
  </si>
  <si>
    <t>35, '36</t>
  </si>
  <si>
    <t>41-50</t>
  </si>
  <si>
    <t>-9</t>
  </si>
  <si>
    <t>39-26</t>
  </si>
  <si>
    <t>0:5 walkower</t>
  </si>
  <si>
    <t>4:0(0:0, 1:0, 3:0)</t>
  </si>
  <si>
    <t>30-34</t>
  </si>
  <si>
    <t>20-57</t>
  </si>
  <si>
    <t>-37</t>
  </si>
  <si>
    <t>Kos Maciej 7</t>
  </si>
  <si>
    <t>Król Strzelców</t>
  </si>
  <si>
    <t>Piotr Klepczarek</t>
  </si>
  <si>
    <t>Bramkarz</t>
  </si>
  <si>
    <t>Dariusz Grubba</t>
  </si>
  <si>
    <t>42-26</t>
  </si>
  <si>
    <t>+16</t>
  </si>
  <si>
    <t>55-23</t>
  </si>
  <si>
    <t>+32</t>
  </si>
  <si>
    <t>16,'28</t>
  </si>
  <si>
    <t>`</t>
  </si>
  <si>
    <t>5:2(2:0, 1:2, 2:0)</t>
  </si>
  <si>
    <t>Nagrody Indywidualne</t>
  </si>
  <si>
    <t>13,'36</t>
  </si>
  <si>
    <t>Maciąg</t>
  </si>
  <si>
    <t>Tabela końcowa I ligi Piłki Nożnej Plażowej 2018</t>
  </si>
  <si>
    <t xml:space="preserve">Jakub Karmański 5                                                                                     Bartosz Lewiński 15                                Bartosz Lewiński 15                                                                                  Szymon Giętkowski 10                                                                      Łukasz Borkowski 25                                                                                                 Michał Rosiak 6                                                        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b/>
      <sz val="12"/>
      <color theme="1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  <font>
      <sz val="12"/>
      <color theme="1"/>
      <name val="Times New Roman"/>
      <family val="1"/>
      <charset val="238"/>
    </font>
    <font>
      <sz val="12"/>
      <name val="Calibri"/>
      <family val="2"/>
      <charset val="238"/>
      <scheme val="minor"/>
    </font>
    <font>
      <b/>
      <sz val="12"/>
      <name val="Calibri"/>
      <family val="2"/>
      <charset val="238"/>
      <scheme val="minor"/>
    </font>
    <font>
      <b/>
      <sz val="11"/>
      <name val="Calibri"/>
      <family val="2"/>
      <charset val="238"/>
      <scheme val="minor"/>
    </font>
    <font>
      <sz val="11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  <font>
      <sz val="11"/>
      <color theme="1"/>
      <name val="Calibri"/>
      <family val="2"/>
      <scheme val="minor"/>
    </font>
    <font>
      <b/>
      <sz val="18"/>
      <color theme="1"/>
      <name val="Calibri"/>
      <family val="2"/>
      <charset val="238"/>
      <scheme val="minor"/>
    </font>
    <font>
      <b/>
      <sz val="16"/>
      <color theme="1"/>
      <name val="Calibri"/>
      <family val="2"/>
      <charset val="238"/>
      <scheme val="minor"/>
    </font>
    <font>
      <sz val="11"/>
      <color theme="0"/>
      <name val="Calibri"/>
      <family val="2"/>
      <scheme val="minor"/>
    </font>
    <font>
      <sz val="14"/>
      <color theme="1"/>
      <name val="Calibri"/>
      <family val="2"/>
      <charset val="238"/>
      <scheme val="minor"/>
    </font>
  </fonts>
  <fills count="10">
    <fill>
      <patternFill patternType="none"/>
    </fill>
    <fill>
      <patternFill patternType="gray125"/>
    </fill>
    <fill>
      <patternFill patternType="solid">
        <fgColor rgb="FFFF0000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2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</borders>
  <cellStyleXfs count="2">
    <xf numFmtId="0" fontId="0" fillId="0" borderId="0"/>
    <xf numFmtId="0" fontId="11" fillId="0" borderId="0"/>
  </cellStyleXfs>
  <cellXfs count="165">
    <xf numFmtId="0" fontId="0" fillId="0" borderId="0" xfId="0"/>
    <xf numFmtId="20" fontId="2" fillId="0" borderId="1" xfId="0" applyNumberFormat="1" applyFont="1" applyBorder="1" applyAlignment="1">
      <alignment horizontal="center"/>
    </xf>
    <xf numFmtId="0" fontId="5" fillId="0" borderId="4" xfId="0" applyFont="1" applyBorder="1"/>
    <xf numFmtId="0" fontId="0" fillId="0" borderId="0" xfId="0" applyBorder="1" applyAlignment="1">
      <alignment horizontal="center"/>
    </xf>
    <xf numFmtId="0" fontId="6" fillId="0" borderId="4" xfId="0" applyFont="1" applyFill="1" applyBorder="1" applyAlignment="1">
      <alignment horizontal="center"/>
    </xf>
    <xf numFmtId="0" fontId="6" fillId="0" borderId="0" xfId="0" applyFont="1" applyFill="1" applyBorder="1" applyAlignment="1">
      <alignment horizontal="center"/>
    </xf>
    <xf numFmtId="0" fontId="9" fillId="0" borderId="0" xfId="0" applyFont="1" applyFill="1" applyAlignment="1"/>
    <xf numFmtId="0" fontId="8" fillId="0" borderId="0" xfId="0" applyFont="1" applyFill="1" applyBorder="1" applyAlignment="1">
      <alignment horizontal="center"/>
    </xf>
    <xf numFmtId="20" fontId="0" fillId="0" borderId="1" xfId="0" applyNumberFormat="1" applyFill="1" applyBorder="1" applyAlignment="1">
      <alignment horizontal="center"/>
    </xf>
    <xf numFmtId="0" fontId="6" fillId="0" borderId="1" xfId="0" applyFont="1" applyFill="1" applyBorder="1" applyAlignment="1">
      <alignment horizontal="center"/>
    </xf>
    <xf numFmtId="20" fontId="2" fillId="0" borderId="1" xfId="0" applyNumberFormat="1" applyFont="1" applyFill="1" applyBorder="1" applyAlignment="1">
      <alignment horizontal="center"/>
    </xf>
    <xf numFmtId="20" fontId="2" fillId="0" borderId="4" xfId="0" applyNumberFormat="1" applyFont="1" applyFill="1" applyBorder="1" applyAlignment="1">
      <alignment horizontal="center"/>
    </xf>
    <xf numFmtId="0" fontId="2" fillId="0" borderId="0" xfId="0" applyFont="1" applyFill="1" applyBorder="1" applyAlignment="1">
      <alignment horizontal="center"/>
    </xf>
    <xf numFmtId="0" fontId="6" fillId="0" borderId="5" xfId="0" applyFont="1" applyFill="1" applyBorder="1" applyAlignment="1">
      <alignment horizontal="center"/>
    </xf>
    <xf numFmtId="0" fontId="0" fillId="0" borderId="0" xfId="0" applyFill="1"/>
    <xf numFmtId="0" fontId="0" fillId="0" borderId="1" xfId="0" applyBorder="1"/>
    <xf numFmtId="0" fontId="0" fillId="5" borderId="1" xfId="0" quotePrefix="1" applyFill="1" applyBorder="1"/>
    <xf numFmtId="0" fontId="0" fillId="5" borderId="1" xfId="0" applyFill="1" applyBorder="1"/>
    <xf numFmtId="0" fontId="0" fillId="5" borderId="0" xfId="0" applyFill="1"/>
    <xf numFmtId="0" fontId="0" fillId="6" borderId="1" xfId="0" applyFill="1" applyBorder="1"/>
    <xf numFmtId="0" fontId="0" fillId="6" borderId="1" xfId="0" quotePrefix="1" applyFill="1" applyBorder="1"/>
    <xf numFmtId="0" fontId="0" fillId="6" borderId="0" xfId="0" applyFill="1"/>
    <xf numFmtId="0" fontId="0" fillId="0" borderId="6" xfId="0" applyBorder="1"/>
    <xf numFmtId="0" fontId="0" fillId="0" borderId="7" xfId="0" applyBorder="1"/>
    <xf numFmtId="0" fontId="0" fillId="5" borderId="7" xfId="0" quotePrefix="1" applyFill="1" applyBorder="1"/>
    <xf numFmtId="0" fontId="0" fillId="6" borderId="7" xfId="0" applyFill="1" applyBorder="1"/>
    <xf numFmtId="0" fontId="0" fillId="5" borderId="7" xfId="0" applyFill="1" applyBorder="1"/>
    <xf numFmtId="0" fontId="0" fillId="0" borderId="8" xfId="0" applyBorder="1"/>
    <xf numFmtId="0" fontId="0" fillId="0" borderId="9" xfId="0" applyBorder="1"/>
    <xf numFmtId="0" fontId="0" fillId="0" borderId="10" xfId="0" applyBorder="1"/>
    <xf numFmtId="0" fontId="0" fillId="5" borderId="10" xfId="0" quotePrefix="1" applyFill="1" applyBorder="1"/>
    <xf numFmtId="0" fontId="0" fillId="6" borderId="10" xfId="0" applyFill="1" applyBorder="1"/>
    <xf numFmtId="0" fontId="0" fillId="5" borderId="10" xfId="0" applyFill="1" applyBorder="1"/>
    <xf numFmtId="0" fontId="0" fillId="6" borderId="7" xfId="0" quotePrefix="1" applyFill="1" applyBorder="1"/>
    <xf numFmtId="0" fontId="0" fillId="6" borderId="10" xfId="0" quotePrefix="1" applyFill="1" applyBorder="1"/>
    <xf numFmtId="0" fontId="0" fillId="0" borderId="11" xfId="0" applyBorder="1"/>
    <xf numFmtId="0" fontId="0" fillId="0" borderId="12" xfId="0" applyBorder="1"/>
    <xf numFmtId="0" fontId="0" fillId="5" borderId="12" xfId="0" applyFill="1" applyBorder="1"/>
    <xf numFmtId="0" fontId="0" fillId="6" borderId="12" xfId="0" quotePrefix="1" applyFill="1" applyBorder="1"/>
    <xf numFmtId="0" fontId="0" fillId="6" borderId="12" xfId="0" applyFill="1" applyBorder="1"/>
    <xf numFmtId="0" fontId="0" fillId="0" borderId="13" xfId="0" applyBorder="1"/>
    <xf numFmtId="0" fontId="0" fillId="5" borderId="13" xfId="0" applyFill="1" applyBorder="1"/>
    <xf numFmtId="0" fontId="0" fillId="6" borderId="13" xfId="0" applyFill="1" applyBorder="1"/>
    <xf numFmtId="0" fontId="0" fillId="6" borderId="13" xfId="0" quotePrefix="1" applyFill="1" applyBorder="1"/>
    <xf numFmtId="0" fontId="0" fillId="7" borderId="0" xfId="0" applyFill="1"/>
    <xf numFmtId="0" fontId="0" fillId="6" borderId="14" xfId="0" applyFill="1" applyBorder="1"/>
    <xf numFmtId="0" fontId="0" fillId="6" borderId="2" xfId="0" applyFill="1" applyBorder="1"/>
    <xf numFmtId="0" fontId="0" fillId="6" borderId="2" xfId="0" quotePrefix="1" applyFill="1" applyBorder="1"/>
    <xf numFmtId="0" fontId="0" fillId="6" borderId="15" xfId="0" quotePrefix="1" applyFill="1" applyBorder="1"/>
    <xf numFmtId="0" fontId="0" fillId="6" borderId="15" xfId="0" applyFill="1" applyBorder="1"/>
    <xf numFmtId="0" fontId="0" fillId="6" borderId="16" xfId="0" applyFill="1" applyBorder="1"/>
    <xf numFmtId="0" fontId="0" fillId="6" borderId="17" xfId="0" applyFill="1" applyBorder="1"/>
    <xf numFmtId="0" fontId="0" fillId="7" borderId="1" xfId="0" applyFill="1" applyBorder="1"/>
    <xf numFmtId="0" fontId="0" fillId="7" borderId="1" xfId="0" quotePrefix="1" applyFill="1" applyBorder="1"/>
    <xf numFmtId="0" fontId="0" fillId="0" borderId="18" xfId="0" applyBorder="1"/>
    <xf numFmtId="0" fontId="0" fillId="5" borderId="13" xfId="0" quotePrefix="1" applyFill="1" applyBorder="1"/>
    <xf numFmtId="0" fontId="0" fillId="0" borderId="19" xfId="0" applyBorder="1"/>
    <xf numFmtId="0" fontId="0" fillId="0" borderId="20" xfId="0" applyBorder="1"/>
    <xf numFmtId="0" fontId="0" fillId="5" borderId="20" xfId="0" applyFill="1" applyBorder="1"/>
    <xf numFmtId="0" fontId="0" fillId="6" borderId="20" xfId="0" applyFill="1" applyBorder="1"/>
    <xf numFmtId="0" fontId="0" fillId="6" borderId="20" xfId="0" quotePrefix="1" applyFill="1" applyBorder="1"/>
    <xf numFmtId="0" fontId="0" fillId="6" borderId="21" xfId="0" applyFill="1" applyBorder="1"/>
    <xf numFmtId="0" fontId="0" fillId="5" borderId="20" xfId="0" quotePrefix="1" applyFill="1" applyBorder="1"/>
    <xf numFmtId="0" fontId="0" fillId="0" borderId="22" xfId="0" applyBorder="1"/>
    <xf numFmtId="0" fontId="0" fillId="0" borderId="23" xfId="0" applyBorder="1"/>
    <xf numFmtId="0" fontId="0" fillId="5" borderId="23" xfId="0" applyFill="1" applyBorder="1"/>
    <xf numFmtId="0" fontId="0" fillId="6" borderId="23" xfId="0" applyFill="1" applyBorder="1"/>
    <xf numFmtId="0" fontId="0" fillId="5" borderId="23" xfId="0" quotePrefix="1" applyFill="1" applyBorder="1"/>
    <xf numFmtId="0" fontId="0" fillId="6" borderId="24" xfId="0" applyFill="1" applyBorder="1"/>
    <xf numFmtId="0" fontId="0" fillId="0" borderId="0" xfId="0" applyAlignment="1">
      <alignment horizontal="center"/>
    </xf>
    <xf numFmtId="0" fontId="11" fillId="0" borderId="0" xfId="1"/>
    <xf numFmtId="0" fontId="11" fillId="8" borderId="1" xfId="1" applyFill="1" applyBorder="1" applyAlignment="1">
      <alignment wrapText="1"/>
    </xf>
    <xf numFmtId="0" fontId="11" fillId="8" borderId="1" xfId="1" applyFill="1" applyBorder="1" applyAlignment="1">
      <alignment vertical="top" wrapText="1"/>
    </xf>
    <xf numFmtId="0" fontId="11" fillId="8" borderId="1" xfId="1" quotePrefix="1" applyFill="1" applyBorder="1" applyAlignment="1">
      <alignment wrapText="1"/>
    </xf>
    <xf numFmtId="0" fontId="11" fillId="9" borderId="1" xfId="1" applyFill="1" applyBorder="1"/>
    <xf numFmtId="0" fontId="1" fillId="3" borderId="1" xfId="1" applyFont="1" applyFill="1" applyBorder="1" applyAlignment="1">
      <alignment horizontal="center"/>
    </xf>
    <xf numFmtId="0" fontId="11" fillId="8" borderId="1" xfId="1" applyFill="1" applyBorder="1" applyAlignment="1">
      <alignment horizontal="left" vertical="top" wrapText="1"/>
    </xf>
    <xf numFmtId="0" fontId="11" fillId="0" borderId="1" xfId="1" applyBorder="1"/>
    <xf numFmtId="0" fontId="11" fillId="9" borderId="1" xfId="1" applyFill="1" applyBorder="1" applyAlignment="1">
      <alignment vertical="center" wrapText="1"/>
    </xf>
    <xf numFmtId="0" fontId="11" fillId="9" borderId="1" xfId="1" applyFill="1" applyBorder="1" applyAlignment="1">
      <alignment vertical="center"/>
    </xf>
    <xf numFmtId="0" fontId="11" fillId="8" borderId="1" xfId="1" applyFill="1" applyBorder="1" applyAlignment="1">
      <alignment vertical="center"/>
    </xf>
    <xf numFmtId="0" fontId="1" fillId="3" borderId="1" xfId="1" applyFont="1" applyFill="1" applyBorder="1" applyAlignment="1">
      <alignment horizontal="center" vertical="center"/>
    </xf>
    <xf numFmtId="0" fontId="11" fillId="8" borderId="1" xfId="1" quotePrefix="1" applyFill="1" applyBorder="1" applyAlignment="1">
      <alignment vertical="top" wrapText="1"/>
    </xf>
    <xf numFmtId="0" fontId="11" fillId="0" borderId="1" xfId="1" applyBorder="1" applyAlignment="1">
      <alignment vertical="center"/>
    </xf>
    <xf numFmtId="0" fontId="11" fillId="0" borderId="1" xfId="1" applyFill="1" applyBorder="1" applyAlignment="1">
      <alignment wrapText="1"/>
    </xf>
    <xf numFmtId="0" fontId="11" fillId="0" borderId="1" xfId="1" quotePrefix="1" applyFill="1" applyBorder="1" applyAlignment="1">
      <alignment wrapText="1"/>
    </xf>
    <xf numFmtId="0" fontId="11" fillId="9" borderId="1" xfId="1" applyFill="1" applyBorder="1" applyAlignment="1">
      <alignment horizontal="left" vertical="center"/>
    </xf>
    <xf numFmtId="0" fontId="3" fillId="3" borderId="1" xfId="1" applyFont="1" applyFill="1" applyBorder="1" applyAlignment="1">
      <alignment horizontal="center"/>
    </xf>
    <xf numFmtId="0" fontId="3" fillId="3" borderId="1" xfId="1" applyFont="1" applyFill="1" applyBorder="1" applyAlignment="1">
      <alignment horizontal="center" vertical="center"/>
    </xf>
    <xf numFmtId="0" fontId="4" fillId="0" borderId="0" xfId="1" applyFont="1" applyFill="1" applyAlignment="1"/>
    <xf numFmtId="0" fontId="11" fillId="0" borderId="0" xfId="1" applyFill="1" applyAlignment="1"/>
    <xf numFmtId="20" fontId="2" fillId="0" borderId="0" xfId="0" applyNumberFormat="1" applyFont="1" applyFill="1" applyBorder="1" applyAlignment="1">
      <alignment horizontal="center"/>
    </xf>
    <xf numFmtId="0" fontId="4" fillId="0" borderId="0" xfId="0" applyFont="1" applyAlignment="1">
      <alignment horizontal="center"/>
    </xf>
    <xf numFmtId="0" fontId="11" fillId="9" borderId="13" xfId="1" quotePrefix="1" applyFill="1" applyBorder="1" applyAlignment="1">
      <alignment vertical="top" wrapText="1"/>
    </xf>
    <xf numFmtId="0" fontId="14" fillId="2" borderId="1" xfId="1" quotePrefix="1" applyFont="1" applyFill="1" applyBorder="1" applyAlignment="1">
      <alignment vertical="top" wrapText="1"/>
    </xf>
    <xf numFmtId="0" fontId="14" fillId="2" borderId="1" xfId="1" applyFont="1" applyFill="1" applyBorder="1" applyAlignment="1">
      <alignment vertical="center" wrapText="1"/>
    </xf>
    <xf numFmtId="0" fontId="2" fillId="0" borderId="1" xfId="0" applyFont="1" applyBorder="1" applyAlignment="1">
      <alignment horizontal="center"/>
    </xf>
    <xf numFmtId="0" fontId="1" fillId="8" borderId="0" xfId="0" applyFont="1" applyFill="1" applyAlignment="1">
      <alignment horizontal="center"/>
    </xf>
    <xf numFmtId="0" fontId="2" fillId="0" borderId="1" xfId="0" applyFont="1" applyBorder="1" applyAlignment="1">
      <alignment horizontal="center"/>
    </xf>
    <xf numFmtId="0" fontId="0" fillId="0" borderId="25" xfId="0" applyBorder="1"/>
    <xf numFmtId="0" fontId="0" fillId="5" borderId="25" xfId="0" applyFill="1" applyBorder="1"/>
    <xf numFmtId="0" fontId="0" fillId="6" borderId="25" xfId="0" quotePrefix="1" applyFill="1" applyBorder="1"/>
    <xf numFmtId="0" fontId="0" fillId="6" borderId="25" xfId="0" applyFill="1" applyBorder="1"/>
    <xf numFmtId="0" fontId="0" fillId="6" borderId="26" xfId="0" applyFill="1" applyBorder="1"/>
    <xf numFmtId="0" fontId="2" fillId="0" borderId="1" xfId="0" applyFont="1" applyBorder="1" applyAlignment="1">
      <alignment horizontal="center"/>
    </xf>
    <xf numFmtId="0" fontId="11" fillId="9" borderId="1" xfId="1" applyFill="1" applyBorder="1" applyAlignment="1">
      <alignment horizontal="left"/>
    </xf>
    <xf numFmtId="0" fontId="8" fillId="3" borderId="1" xfId="1" applyFont="1" applyFill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11" fillId="9" borderId="1" xfId="1" applyFill="1" applyBorder="1" applyAlignment="1">
      <alignment wrapText="1"/>
    </xf>
    <xf numFmtId="0" fontId="2" fillId="0" borderId="2" xfId="0" applyFont="1" applyBorder="1" applyAlignment="1">
      <alignment horizontal="center"/>
    </xf>
    <xf numFmtId="0" fontId="2" fillId="0" borderId="2" xfId="0" applyFont="1" applyBorder="1" applyAlignment="1">
      <alignment horizontal="center"/>
    </xf>
    <xf numFmtId="20" fontId="2" fillId="0" borderId="2" xfId="0" applyNumberFormat="1" applyFont="1" applyBorder="1" applyAlignment="1">
      <alignment horizontal="center"/>
    </xf>
    <xf numFmtId="0" fontId="0" fillId="7" borderId="2" xfId="0" applyFill="1" applyBorder="1"/>
    <xf numFmtId="0" fontId="1" fillId="6" borderId="1" xfId="0" applyFont="1" applyFill="1" applyBorder="1" applyAlignment="1">
      <alignment horizontal="center"/>
    </xf>
    <xf numFmtId="0" fontId="0" fillId="7" borderId="2" xfId="0" quotePrefix="1" applyFill="1" applyBorder="1"/>
    <xf numFmtId="0" fontId="2" fillId="0" borderId="2" xfId="0" applyFont="1" applyBorder="1" applyAlignment="1">
      <alignment horizontal="center"/>
    </xf>
    <xf numFmtId="0" fontId="15" fillId="0" borderId="0" xfId="0" applyFont="1" applyAlignment="1">
      <alignment horizontal="center"/>
    </xf>
    <xf numFmtId="0" fontId="15" fillId="0" borderId="1" xfId="0" applyFont="1" applyBorder="1" applyAlignment="1">
      <alignment horizontal="center"/>
    </xf>
    <xf numFmtId="0" fontId="15" fillId="0" borderId="1" xfId="0" applyFont="1" applyBorder="1" applyAlignment="1">
      <alignment horizontal="left"/>
    </xf>
    <xf numFmtId="49" fontId="15" fillId="0" borderId="1" xfId="0" applyNumberFormat="1" applyFont="1" applyBorder="1" applyAlignment="1">
      <alignment horizontal="center"/>
    </xf>
    <xf numFmtId="49" fontId="15" fillId="0" borderId="1" xfId="0" applyNumberFormat="1" applyFont="1" applyBorder="1" applyAlignment="1">
      <alignment horizontal="center" vertical="center"/>
    </xf>
    <xf numFmtId="0" fontId="1" fillId="5" borderId="1" xfId="0" applyFont="1" applyFill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1" fillId="7" borderId="1" xfId="0" applyFont="1" applyFill="1" applyBorder="1" applyAlignment="1">
      <alignment horizontal="center"/>
    </xf>
    <xf numFmtId="0" fontId="1" fillId="6" borderId="3" xfId="0" applyFont="1" applyFill="1" applyBorder="1" applyAlignment="1">
      <alignment horizontal="center"/>
    </xf>
    <xf numFmtId="0" fontId="0" fillId="6" borderId="3" xfId="0" applyFill="1" applyBorder="1"/>
    <xf numFmtId="0" fontId="0" fillId="7" borderId="20" xfId="0" applyFill="1" applyBorder="1"/>
    <xf numFmtId="0" fontId="0" fillId="7" borderId="20" xfId="0" quotePrefix="1" applyFill="1" applyBorder="1"/>
    <xf numFmtId="0" fontId="0" fillId="7" borderId="21" xfId="0" applyFill="1" applyBorder="1"/>
    <xf numFmtId="0" fontId="2" fillId="0" borderId="2" xfId="0" applyFont="1" applyBorder="1" applyAlignment="1">
      <alignment horizontal="center"/>
    </xf>
    <xf numFmtId="0" fontId="11" fillId="9" borderId="1" xfId="1" applyFill="1" applyBorder="1" applyAlignment="1">
      <alignment horizontal="center" vertical="center" wrapText="1"/>
    </xf>
    <xf numFmtId="0" fontId="2" fillId="0" borderId="2" xfId="0" applyFont="1" applyBorder="1" applyAlignment="1">
      <alignment horizontal="center"/>
    </xf>
    <xf numFmtId="0" fontId="6" fillId="0" borderId="2" xfId="0" applyFont="1" applyFill="1" applyBorder="1" applyAlignment="1">
      <alignment horizontal="center"/>
    </xf>
    <xf numFmtId="0" fontId="7" fillId="0" borderId="2" xfId="0" applyFont="1" applyFill="1" applyBorder="1" applyAlignment="1">
      <alignment horizontal="center"/>
    </xf>
    <xf numFmtId="0" fontId="6" fillId="0" borderId="2" xfId="0" applyFont="1" applyFill="1" applyBorder="1" applyAlignment="1">
      <alignment horizontal="center"/>
    </xf>
    <xf numFmtId="0" fontId="0" fillId="0" borderId="1" xfId="0" applyBorder="1" applyAlignment="1">
      <alignment wrapText="1"/>
    </xf>
    <xf numFmtId="0" fontId="1" fillId="0" borderId="1" xfId="0" applyFont="1" applyBorder="1" applyAlignment="1">
      <alignment wrapText="1"/>
    </xf>
    <xf numFmtId="0" fontId="2" fillId="0" borderId="1" xfId="0" applyFont="1" applyBorder="1" applyAlignment="1">
      <alignment horizontal="center" wrapText="1"/>
    </xf>
    <xf numFmtId="0" fontId="15" fillId="4" borderId="1" xfId="0" applyFont="1" applyFill="1" applyBorder="1" applyAlignment="1">
      <alignment horizontal="center"/>
    </xf>
    <xf numFmtId="0" fontId="15" fillId="4" borderId="1" xfId="0" applyFont="1" applyFill="1" applyBorder="1" applyAlignment="1">
      <alignment horizontal="left"/>
    </xf>
    <xf numFmtId="49" fontId="15" fillId="4" borderId="1" xfId="0" applyNumberFormat="1" applyFont="1" applyFill="1" applyBorder="1" applyAlignment="1">
      <alignment horizontal="center"/>
    </xf>
    <xf numFmtId="49" fontId="15" fillId="4" borderId="1" xfId="0" applyNumberFormat="1" applyFont="1" applyFill="1" applyBorder="1" applyAlignment="1">
      <alignment horizontal="center" vertical="center"/>
    </xf>
    <xf numFmtId="0" fontId="1" fillId="0" borderId="0" xfId="0" applyFont="1" applyBorder="1" applyAlignment="1">
      <alignment horizontal="center"/>
    </xf>
    <xf numFmtId="0" fontId="8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7" fillId="0" borderId="2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4" fillId="0" borderId="0" xfId="0" applyFont="1" applyAlignment="1">
      <alignment horizontal="center"/>
    </xf>
    <xf numFmtId="0" fontId="6" fillId="0" borderId="2" xfId="0" applyFont="1" applyFill="1" applyBorder="1" applyAlignment="1">
      <alignment horizontal="center"/>
    </xf>
    <xf numFmtId="0" fontId="6" fillId="0" borderId="3" xfId="0" applyFont="1" applyFill="1" applyBorder="1" applyAlignment="1">
      <alignment horizontal="center"/>
    </xf>
    <xf numFmtId="0" fontId="2" fillId="0" borderId="1" xfId="0" applyFont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8" fillId="0" borderId="0" xfId="0" applyFont="1" applyFill="1" applyAlignment="1">
      <alignment horizontal="center"/>
    </xf>
    <xf numFmtId="0" fontId="1" fillId="0" borderId="0" xfId="0" applyFont="1" applyAlignment="1">
      <alignment horizontal="center"/>
    </xf>
    <xf numFmtId="0" fontId="6" fillId="0" borderId="1" xfId="0" applyFont="1" applyFill="1" applyBorder="1" applyAlignment="1">
      <alignment horizontal="center"/>
    </xf>
    <xf numFmtId="0" fontId="13" fillId="0" borderId="0" xfId="0" applyFont="1" applyAlignment="1">
      <alignment horizontal="center" vertical="center"/>
    </xf>
    <xf numFmtId="0" fontId="4" fillId="0" borderId="0" xfId="1" applyFont="1" applyFill="1" applyAlignment="1">
      <alignment horizontal="center" vertical="center"/>
    </xf>
    <xf numFmtId="0" fontId="1" fillId="3" borderId="13" xfId="1" applyFont="1" applyFill="1" applyBorder="1" applyAlignment="1">
      <alignment horizontal="center" vertical="center"/>
    </xf>
    <xf numFmtId="0" fontId="1" fillId="3" borderId="20" xfId="1" applyFont="1" applyFill="1" applyBorder="1" applyAlignment="1">
      <alignment horizontal="center" vertical="center"/>
    </xf>
    <xf numFmtId="0" fontId="11" fillId="0" borderId="13" xfId="1" applyBorder="1" applyAlignment="1">
      <alignment horizontal="center"/>
    </xf>
    <xf numFmtId="0" fontId="11" fillId="0" borderId="20" xfId="1" applyBorder="1" applyAlignment="1">
      <alignment horizontal="center"/>
    </xf>
    <xf numFmtId="0" fontId="12" fillId="0" borderId="0" xfId="1" applyFont="1" applyAlignment="1">
      <alignment horizontal="center" vertical="center"/>
    </xf>
    <xf numFmtId="0" fontId="0" fillId="0" borderId="1" xfId="0" applyBorder="1" applyAlignment="1">
      <alignment horizontal="center"/>
    </xf>
    <xf numFmtId="0" fontId="11" fillId="9" borderId="1" xfId="1" applyFill="1" applyBorder="1" applyAlignment="1">
      <alignment horizontal="left" vertical="center" wrapText="1"/>
    </xf>
  </cellXfs>
  <cellStyles count="2">
    <cellStyle name="Normalny" xfId="0" builtinId="0"/>
    <cellStyle name="Normalny 2" xfId="1" xr:uid="{00000000-0005-0000-0000-000001000000}"/>
  </cellStyles>
  <dxfs count="0"/>
  <tableStyles count="0" defaultTableStyle="TableStyleMedium2" defaultPivotStyle="PivotStyleLight16"/>
  <colors>
    <mruColors>
      <color rgb="FFF09010"/>
      <color rgb="FF03F11F"/>
      <color rgb="FFFD6203"/>
      <color rgb="FFFF0066"/>
      <color rgb="FF00FF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Arkusz2"/>
  <dimension ref="A1:G46"/>
  <sheetViews>
    <sheetView topLeftCell="A25" zoomScaleNormal="100" workbookViewId="0">
      <selection activeCell="E46" sqref="E46"/>
    </sheetView>
  </sheetViews>
  <sheetFormatPr defaultRowHeight="14.4" x14ac:dyDescent="0.3"/>
  <cols>
    <col min="3" max="3" width="27.6640625" customWidth="1"/>
    <col min="5" max="5" width="24" bestFit="1" customWidth="1"/>
    <col min="6" max="6" width="28.5546875" customWidth="1"/>
    <col min="9" max="9" width="9.109375" customWidth="1"/>
  </cols>
  <sheetData>
    <row r="1" spans="1:7" ht="18" x14ac:dyDescent="0.35">
      <c r="B1" s="147" t="s">
        <v>12</v>
      </c>
      <c r="C1" s="147"/>
      <c r="D1" s="147"/>
      <c r="E1" s="147"/>
      <c r="F1" s="147"/>
      <c r="G1" s="147"/>
    </row>
    <row r="2" spans="1:7" ht="18" x14ac:dyDescent="0.35">
      <c r="B2" s="92"/>
      <c r="C2" s="92"/>
      <c r="D2" s="92"/>
      <c r="E2" s="92"/>
      <c r="F2" s="92"/>
      <c r="G2" s="92"/>
    </row>
    <row r="3" spans="1:7" ht="18" x14ac:dyDescent="0.35">
      <c r="B3" s="92"/>
      <c r="C3" s="142" t="s">
        <v>1</v>
      </c>
      <c r="D3" s="142"/>
      <c r="E3" s="142"/>
      <c r="F3" s="142"/>
      <c r="G3" s="92"/>
    </row>
    <row r="5" spans="1:7" ht="15.6" x14ac:dyDescent="0.3">
      <c r="A5">
        <v>1</v>
      </c>
      <c r="B5" s="8">
        <v>0.54166666666666663</v>
      </c>
      <c r="C5" s="155" t="s">
        <v>5</v>
      </c>
      <c r="D5" s="155"/>
      <c r="E5" s="9" t="s">
        <v>15</v>
      </c>
      <c r="F5" s="155" t="s">
        <v>9</v>
      </c>
      <c r="G5" s="155"/>
    </row>
    <row r="6" spans="1:7" ht="15.6" x14ac:dyDescent="0.3">
      <c r="A6">
        <v>2</v>
      </c>
      <c r="B6" s="8">
        <v>0.58333333333333337</v>
      </c>
      <c r="C6" s="155" t="s">
        <v>6</v>
      </c>
      <c r="D6" s="155"/>
      <c r="E6" s="9" t="s">
        <v>180</v>
      </c>
      <c r="F6" s="155" t="s">
        <v>10</v>
      </c>
      <c r="G6" s="155"/>
    </row>
    <row r="7" spans="1:7" ht="15.6" x14ac:dyDescent="0.3">
      <c r="A7">
        <v>3</v>
      </c>
      <c r="B7" s="10">
        <v>0.625</v>
      </c>
      <c r="C7" s="155" t="s">
        <v>7</v>
      </c>
      <c r="D7" s="155"/>
      <c r="E7" s="9" t="s">
        <v>16</v>
      </c>
      <c r="F7" s="155" t="s">
        <v>14</v>
      </c>
      <c r="G7" s="155"/>
    </row>
    <row r="8" spans="1:7" ht="15.6" x14ac:dyDescent="0.3">
      <c r="A8">
        <v>4</v>
      </c>
      <c r="B8" s="10">
        <v>0.66666666666666663</v>
      </c>
      <c r="C8" s="155" t="s">
        <v>8</v>
      </c>
      <c r="D8" s="155"/>
      <c r="E8" s="9" t="s">
        <v>85</v>
      </c>
      <c r="F8" s="155" t="s">
        <v>120</v>
      </c>
      <c r="G8" s="155"/>
    </row>
    <row r="9" spans="1:7" ht="15.6" x14ac:dyDescent="0.3">
      <c r="A9">
        <v>5</v>
      </c>
      <c r="B9" s="10">
        <v>0.70833333333333337</v>
      </c>
      <c r="C9" s="155" t="s">
        <v>6</v>
      </c>
      <c r="D9" s="155"/>
      <c r="E9" s="9" t="s">
        <v>104</v>
      </c>
      <c r="F9" s="155" t="s">
        <v>9</v>
      </c>
      <c r="G9" s="155"/>
    </row>
    <row r="10" spans="1:7" ht="15.6" x14ac:dyDescent="0.3">
      <c r="A10">
        <v>6</v>
      </c>
      <c r="B10" s="10">
        <v>0.75</v>
      </c>
      <c r="C10" s="155" t="s">
        <v>7</v>
      </c>
      <c r="D10" s="155"/>
      <c r="E10" s="9" t="s">
        <v>112</v>
      </c>
      <c r="F10" s="155" t="s">
        <v>5</v>
      </c>
      <c r="G10" s="155"/>
    </row>
    <row r="11" spans="1:7" ht="15.6" x14ac:dyDescent="0.3">
      <c r="B11" s="11"/>
      <c r="C11" s="4"/>
      <c r="D11" s="5"/>
      <c r="E11" s="5"/>
      <c r="F11" s="5"/>
      <c r="G11" s="5"/>
    </row>
    <row r="12" spans="1:7" ht="15.6" x14ac:dyDescent="0.3">
      <c r="B12" s="12"/>
      <c r="C12" s="143" t="s">
        <v>2</v>
      </c>
      <c r="D12" s="143"/>
      <c r="E12" s="143"/>
      <c r="F12" s="143"/>
      <c r="G12" s="7"/>
    </row>
    <row r="13" spans="1:7" ht="15.6" x14ac:dyDescent="0.3">
      <c r="B13" s="12"/>
      <c r="C13" s="7"/>
      <c r="D13" s="7"/>
      <c r="E13" s="7"/>
      <c r="F13" s="7"/>
      <c r="G13" s="7"/>
    </row>
    <row r="14" spans="1:7" ht="15.6" x14ac:dyDescent="0.3">
      <c r="A14">
        <v>7</v>
      </c>
      <c r="B14" s="10">
        <v>0.375</v>
      </c>
      <c r="C14" s="148" t="s">
        <v>9</v>
      </c>
      <c r="D14" s="149"/>
      <c r="E14" s="13" t="s">
        <v>121</v>
      </c>
      <c r="F14" s="148" t="s">
        <v>120</v>
      </c>
      <c r="G14" s="149"/>
    </row>
    <row r="15" spans="1:7" ht="15.6" x14ac:dyDescent="0.3">
      <c r="A15">
        <v>8</v>
      </c>
      <c r="B15" s="10">
        <v>0.41666666666666669</v>
      </c>
      <c r="C15" s="148" t="s">
        <v>14</v>
      </c>
      <c r="D15" s="149"/>
      <c r="E15" s="13" t="s">
        <v>131</v>
      </c>
      <c r="F15" s="148" t="s">
        <v>8</v>
      </c>
      <c r="G15" s="149"/>
    </row>
    <row r="16" spans="1:7" ht="15.6" x14ac:dyDescent="0.3">
      <c r="A16">
        <v>9</v>
      </c>
      <c r="B16" s="10">
        <v>0.45833333333333331</v>
      </c>
      <c r="C16" s="148" t="s">
        <v>10</v>
      </c>
      <c r="D16" s="149"/>
      <c r="E16" s="13" t="s">
        <v>151</v>
      </c>
      <c r="F16" s="148" t="s">
        <v>7</v>
      </c>
      <c r="G16" s="149"/>
    </row>
    <row r="17" spans="1:7" ht="15.6" x14ac:dyDescent="0.3">
      <c r="A17">
        <v>10</v>
      </c>
      <c r="B17" s="10">
        <v>0.5</v>
      </c>
      <c r="C17" s="148" t="s">
        <v>5</v>
      </c>
      <c r="D17" s="149"/>
      <c r="E17" s="13" t="s">
        <v>152</v>
      </c>
      <c r="F17" s="148" t="s">
        <v>6</v>
      </c>
      <c r="G17" s="149"/>
    </row>
    <row r="18" spans="1:7" ht="15.6" x14ac:dyDescent="0.3">
      <c r="B18" s="10"/>
      <c r="C18" s="144" t="s">
        <v>0</v>
      </c>
      <c r="D18" s="144"/>
      <c r="E18" s="144"/>
      <c r="F18" s="144"/>
      <c r="G18" s="144"/>
    </row>
    <row r="19" spans="1:7" ht="15.6" x14ac:dyDescent="0.3">
      <c r="A19">
        <v>11</v>
      </c>
      <c r="B19" s="10">
        <v>0.58333333333333337</v>
      </c>
      <c r="C19" s="148" t="s">
        <v>120</v>
      </c>
      <c r="D19" s="149"/>
      <c r="E19" s="13" t="s">
        <v>166</v>
      </c>
      <c r="F19" s="148" t="s">
        <v>14</v>
      </c>
      <c r="G19" s="149"/>
    </row>
    <row r="20" spans="1:7" ht="15.6" x14ac:dyDescent="0.3">
      <c r="A20">
        <v>12</v>
      </c>
      <c r="B20" s="10">
        <v>0.625</v>
      </c>
      <c r="C20" s="148" t="s">
        <v>8</v>
      </c>
      <c r="D20" s="149"/>
      <c r="E20" s="13" t="s">
        <v>173</v>
      </c>
      <c r="F20" s="148" t="s">
        <v>10</v>
      </c>
      <c r="G20" s="149"/>
    </row>
    <row r="21" spans="1:7" ht="15.6" x14ac:dyDescent="0.3">
      <c r="B21" s="91"/>
      <c r="C21" s="5"/>
      <c r="D21" s="5"/>
      <c r="E21" s="5"/>
      <c r="F21" s="5"/>
      <c r="G21" s="5"/>
    </row>
    <row r="22" spans="1:7" ht="18" x14ac:dyDescent="0.35">
      <c r="B22" s="147" t="s">
        <v>13</v>
      </c>
      <c r="C22" s="147"/>
      <c r="D22" s="147"/>
      <c r="E22" s="147"/>
      <c r="F22" s="147"/>
      <c r="G22" s="147"/>
    </row>
    <row r="23" spans="1:7" ht="15.6" x14ac:dyDescent="0.3">
      <c r="B23" s="69"/>
      <c r="C23" s="69"/>
      <c r="D23" s="69"/>
      <c r="E23" s="69"/>
      <c r="F23" s="69"/>
      <c r="G23" s="5"/>
    </row>
    <row r="24" spans="1:7" ht="15.6" x14ac:dyDescent="0.3">
      <c r="B24" s="69"/>
      <c r="C24" s="154" t="s">
        <v>4</v>
      </c>
      <c r="D24" s="154"/>
      <c r="E24" s="154"/>
      <c r="F24" s="154"/>
      <c r="G24" s="5"/>
    </row>
    <row r="25" spans="1:7" ht="15.6" x14ac:dyDescent="0.3">
      <c r="B25" s="69"/>
      <c r="C25" s="69"/>
      <c r="D25" s="69"/>
      <c r="E25" s="69"/>
      <c r="F25" s="69"/>
      <c r="G25" s="5"/>
    </row>
    <row r="26" spans="1:7" ht="15.6" x14ac:dyDescent="0.3">
      <c r="A26">
        <v>13</v>
      </c>
      <c r="B26" s="1">
        <v>0.41666666666666669</v>
      </c>
      <c r="C26" s="151" t="s">
        <v>10</v>
      </c>
      <c r="D26" s="152"/>
      <c r="E26" s="96" t="s">
        <v>199</v>
      </c>
      <c r="F26" s="150" t="s">
        <v>11</v>
      </c>
      <c r="G26" s="150"/>
    </row>
    <row r="27" spans="1:7" ht="15.6" x14ac:dyDescent="0.3">
      <c r="A27">
        <v>14</v>
      </c>
      <c r="B27" s="1">
        <v>0.45833333333333331</v>
      </c>
      <c r="C27" s="151" t="s">
        <v>5</v>
      </c>
      <c r="D27" s="152"/>
      <c r="E27" s="98" t="s">
        <v>216</v>
      </c>
      <c r="F27" s="150" t="s">
        <v>8</v>
      </c>
      <c r="G27" s="150"/>
    </row>
    <row r="28" spans="1:7" ht="15.6" x14ac:dyDescent="0.3">
      <c r="A28">
        <v>15</v>
      </c>
      <c r="B28" s="1">
        <v>0.5</v>
      </c>
      <c r="C28" s="151" t="s">
        <v>9</v>
      </c>
      <c r="D28" s="152"/>
      <c r="E28" s="1" t="s">
        <v>220</v>
      </c>
      <c r="F28" s="150" t="s">
        <v>14</v>
      </c>
      <c r="G28" s="150"/>
    </row>
    <row r="29" spans="1:7" ht="15.6" x14ac:dyDescent="0.3">
      <c r="A29">
        <v>16</v>
      </c>
      <c r="B29" s="1">
        <v>0.54166666666666663</v>
      </c>
      <c r="C29" s="151" t="s">
        <v>6</v>
      </c>
      <c r="D29" s="152"/>
      <c r="E29" s="104" t="s">
        <v>227</v>
      </c>
      <c r="F29" s="150" t="s">
        <v>7</v>
      </c>
      <c r="G29" s="150"/>
    </row>
    <row r="30" spans="1:7" ht="15.6" x14ac:dyDescent="0.3">
      <c r="B30" s="1"/>
      <c r="C30" s="145" t="s">
        <v>0</v>
      </c>
      <c r="D30" s="146"/>
      <c r="E30" s="146"/>
      <c r="F30" s="146"/>
      <c r="G30" s="146"/>
    </row>
    <row r="31" spans="1:7" ht="15.6" x14ac:dyDescent="0.3">
      <c r="A31">
        <v>17</v>
      </c>
      <c r="B31" s="1">
        <v>0.625</v>
      </c>
      <c r="C31" s="151" t="s">
        <v>11</v>
      </c>
      <c r="D31" s="152"/>
      <c r="E31" s="107" t="s">
        <v>246</v>
      </c>
      <c r="F31" s="150" t="s">
        <v>5</v>
      </c>
      <c r="G31" s="150"/>
    </row>
    <row r="32" spans="1:7" ht="15.6" x14ac:dyDescent="0.3">
      <c r="A32">
        <v>18</v>
      </c>
      <c r="B32" s="1">
        <v>0.66666666666666663</v>
      </c>
      <c r="C32" s="151" t="s">
        <v>14</v>
      </c>
      <c r="D32" s="152"/>
      <c r="E32" s="109" t="s">
        <v>247</v>
      </c>
      <c r="F32" s="150" t="s">
        <v>10</v>
      </c>
      <c r="G32" s="150"/>
    </row>
    <row r="33" spans="1:7" ht="14.4" customHeight="1" x14ac:dyDescent="0.3">
      <c r="A33">
        <v>19</v>
      </c>
      <c r="B33" s="1">
        <v>0.70833333333333337</v>
      </c>
      <c r="C33" s="151" t="s">
        <v>7</v>
      </c>
      <c r="D33" s="152"/>
      <c r="E33" s="111" t="s">
        <v>253</v>
      </c>
      <c r="F33" s="150" t="s">
        <v>9</v>
      </c>
      <c r="G33" s="150"/>
    </row>
    <row r="34" spans="1:7" ht="14.4" customHeight="1" x14ac:dyDescent="0.3">
      <c r="A34">
        <v>20</v>
      </c>
      <c r="B34" s="1">
        <v>0.75</v>
      </c>
      <c r="C34" s="151" t="s">
        <v>8</v>
      </c>
      <c r="D34" s="152"/>
      <c r="E34" s="110" t="s">
        <v>267</v>
      </c>
      <c r="F34" s="150" t="s">
        <v>6</v>
      </c>
      <c r="G34" s="150"/>
    </row>
    <row r="35" spans="1:7" ht="14.4" customHeight="1" x14ac:dyDescent="0.3">
      <c r="B35" s="2"/>
      <c r="C35" s="6"/>
      <c r="D35" s="6"/>
      <c r="E35" s="6"/>
      <c r="F35" s="6"/>
      <c r="G35" s="14"/>
    </row>
    <row r="36" spans="1:7" x14ac:dyDescent="0.3">
      <c r="A36" s="14"/>
      <c r="B36" s="3"/>
      <c r="C36" s="153" t="s">
        <v>3</v>
      </c>
      <c r="D36" s="153"/>
      <c r="E36" s="153"/>
      <c r="F36" s="153"/>
    </row>
    <row r="37" spans="1:7" x14ac:dyDescent="0.3">
      <c r="B37" s="69"/>
      <c r="C37" s="6"/>
      <c r="D37" s="6"/>
      <c r="E37" s="6"/>
      <c r="F37" s="6"/>
    </row>
    <row r="38" spans="1:7" ht="15.6" x14ac:dyDescent="0.3">
      <c r="A38">
        <v>21</v>
      </c>
      <c r="B38" s="1">
        <v>0.375</v>
      </c>
      <c r="C38" s="151" t="s">
        <v>6</v>
      </c>
      <c r="D38" s="152"/>
      <c r="E38" s="115" t="s">
        <v>272</v>
      </c>
      <c r="F38" s="150" t="s">
        <v>11</v>
      </c>
      <c r="G38" s="150"/>
    </row>
    <row r="39" spans="1:7" ht="15.6" x14ac:dyDescent="0.3">
      <c r="A39">
        <v>22</v>
      </c>
      <c r="B39" s="1">
        <v>0.41666666666666669</v>
      </c>
      <c r="C39" s="151" t="s">
        <v>7</v>
      </c>
      <c r="D39" s="152"/>
      <c r="E39" s="122" t="s">
        <v>279</v>
      </c>
      <c r="F39" s="150" t="s">
        <v>8</v>
      </c>
      <c r="G39" s="150"/>
    </row>
    <row r="40" spans="1:7" ht="15.6" x14ac:dyDescent="0.3">
      <c r="A40">
        <v>23</v>
      </c>
      <c r="B40" s="1">
        <v>0.45833333333333331</v>
      </c>
      <c r="C40" s="151" t="s">
        <v>5</v>
      </c>
      <c r="D40" s="152"/>
      <c r="E40" s="129" t="s">
        <v>283</v>
      </c>
      <c r="F40" s="150" t="s">
        <v>14</v>
      </c>
      <c r="G40" s="150"/>
    </row>
    <row r="41" spans="1:7" ht="15.6" x14ac:dyDescent="0.3">
      <c r="A41">
        <v>24</v>
      </c>
      <c r="B41" s="1">
        <v>0.5</v>
      </c>
      <c r="C41" s="151" t="s">
        <v>9</v>
      </c>
      <c r="D41" s="152"/>
      <c r="E41" s="131" t="s">
        <v>289</v>
      </c>
      <c r="F41" s="150" t="s">
        <v>10</v>
      </c>
      <c r="G41" s="150"/>
    </row>
    <row r="42" spans="1:7" ht="15.6" x14ac:dyDescent="0.3">
      <c r="B42" s="1"/>
      <c r="C42" s="145" t="s">
        <v>0</v>
      </c>
      <c r="D42" s="146"/>
      <c r="E42" s="146"/>
      <c r="F42" s="146"/>
      <c r="G42" s="146"/>
    </row>
    <row r="43" spans="1:7" ht="15.6" x14ac:dyDescent="0.3">
      <c r="A43">
        <v>25</v>
      </c>
      <c r="B43" s="1">
        <v>0.58333333333333337</v>
      </c>
      <c r="C43" s="148" t="s">
        <v>14</v>
      </c>
      <c r="D43" s="149"/>
      <c r="E43" s="132" t="s">
        <v>299</v>
      </c>
      <c r="F43" s="155" t="s">
        <v>6</v>
      </c>
      <c r="G43" s="155"/>
    </row>
    <row r="44" spans="1:7" ht="15.6" x14ac:dyDescent="0.3">
      <c r="A44">
        <v>26</v>
      </c>
      <c r="B44" s="1">
        <v>0.625</v>
      </c>
      <c r="C44" s="148" t="s">
        <v>11</v>
      </c>
      <c r="D44" s="149"/>
      <c r="E44" s="133" t="s">
        <v>309</v>
      </c>
      <c r="F44" s="155" t="s">
        <v>7</v>
      </c>
      <c r="G44" s="155"/>
    </row>
    <row r="45" spans="1:7" ht="15.6" x14ac:dyDescent="0.3">
      <c r="A45">
        <v>27</v>
      </c>
      <c r="B45" s="1">
        <v>0.66666666666666663</v>
      </c>
      <c r="C45" s="148" t="s">
        <v>8</v>
      </c>
      <c r="D45" s="149"/>
      <c r="E45" s="132" t="s">
        <v>310</v>
      </c>
      <c r="F45" s="155" t="s">
        <v>9</v>
      </c>
      <c r="G45" s="155"/>
    </row>
    <row r="46" spans="1:7" ht="15.6" x14ac:dyDescent="0.3">
      <c r="A46">
        <v>28</v>
      </c>
      <c r="B46" s="1">
        <v>0.70833333333333337</v>
      </c>
      <c r="C46" s="148" t="s">
        <v>10</v>
      </c>
      <c r="D46" s="149"/>
      <c r="E46" s="134" t="s">
        <v>325</v>
      </c>
      <c r="F46" s="155" t="s">
        <v>5</v>
      </c>
      <c r="G46" s="155"/>
    </row>
  </sheetData>
  <mergeCells count="65">
    <mergeCell ref="C20:D20"/>
    <mergeCell ref="F20:G20"/>
    <mergeCell ref="C12:F12"/>
    <mergeCell ref="C14:D14"/>
    <mergeCell ref="F14:G14"/>
    <mergeCell ref="C15:D15"/>
    <mergeCell ref="F15:G15"/>
    <mergeCell ref="C16:D16"/>
    <mergeCell ref="F16:G16"/>
    <mergeCell ref="C17:D17"/>
    <mergeCell ref="F17:G17"/>
    <mergeCell ref="C18:G18"/>
    <mergeCell ref="C19:D19"/>
    <mergeCell ref="F19:G19"/>
    <mergeCell ref="C8:D8"/>
    <mergeCell ref="F8:G8"/>
    <mergeCell ref="C9:D9"/>
    <mergeCell ref="F9:G9"/>
    <mergeCell ref="C10:D10"/>
    <mergeCell ref="F10:G10"/>
    <mergeCell ref="C5:D5"/>
    <mergeCell ref="F5:G5"/>
    <mergeCell ref="C6:D6"/>
    <mergeCell ref="F6:G6"/>
    <mergeCell ref="C7:D7"/>
    <mergeCell ref="F7:G7"/>
    <mergeCell ref="F46:G46"/>
    <mergeCell ref="C42:G42"/>
    <mergeCell ref="C39:D39"/>
    <mergeCell ref="C40:D40"/>
    <mergeCell ref="C41:D41"/>
    <mergeCell ref="C43:D43"/>
    <mergeCell ref="C44:D44"/>
    <mergeCell ref="F43:G43"/>
    <mergeCell ref="F44:G44"/>
    <mergeCell ref="F45:G45"/>
    <mergeCell ref="F41:G41"/>
    <mergeCell ref="C46:D46"/>
    <mergeCell ref="C26:D26"/>
    <mergeCell ref="C24:F24"/>
    <mergeCell ref="C27:D27"/>
    <mergeCell ref="C28:D28"/>
    <mergeCell ref="C29:D29"/>
    <mergeCell ref="C31:D31"/>
    <mergeCell ref="C32:D32"/>
    <mergeCell ref="C36:F36"/>
    <mergeCell ref="C34:D34"/>
    <mergeCell ref="C38:D38"/>
    <mergeCell ref="C33:D33"/>
    <mergeCell ref="C30:G30"/>
    <mergeCell ref="B22:G22"/>
    <mergeCell ref="B1:G1"/>
    <mergeCell ref="C3:F3"/>
    <mergeCell ref="C45:D45"/>
    <mergeCell ref="F26:G26"/>
    <mergeCell ref="F27:G27"/>
    <mergeCell ref="F28:G28"/>
    <mergeCell ref="F29:G29"/>
    <mergeCell ref="F31:G31"/>
    <mergeCell ref="F32:G32"/>
    <mergeCell ref="F33:G33"/>
    <mergeCell ref="F34:G34"/>
    <mergeCell ref="F38:G38"/>
    <mergeCell ref="F39:G39"/>
    <mergeCell ref="F40:G40"/>
  </mergeCells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K10"/>
  <sheetViews>
    <sheetView tabSelected="1" workbookViewId="0">
      <selection activeCell="B13" sqref="B13"/>
    </sheetView>
  </sheetViews>
  <sheetFormatPr defaultRowHeight="14.4" x14ac:dyDescent="0.3"/>
  <cols>
    <col min="1" max="1" width="15.88671875" customWidth="1"/>
    <col min="2" max="2" width="28.5546875" customWidth="1"/>
    <col min="3" max="3" width="23" customWidth="1"/>
    <col min="4" max="4" width="14.5546875" customWidth="1"/>
    <col min="5" max="5" width="13.33203125" customWidth="1"/>
    <col min="6" max="6" width="11.6640625" customWidth="1"/>
    <col min="9" max="9" width="15.6640625" customWidth="1"/>
    <col min="10" max="10" width="18.6640625" customWidth="1"/>
    <col min="11" max="11" width="17" customWidth="1"/>
  </cols>
  <sheetData>
    <row r="1" spans="1:11" ht="31.2" x14ac:dyDescent="0.3">
      <c r="A1" s="156" t="s">
        <v>329</v>
      </c>
      <c r="B1" s="156"/>
      <c r="C1" s="156"/>
      <c r="D1" s="156"/>
      <c r="E1" s="156"/>
      <c r="F1" s="156"/>
      <c r="I1" s="137" t="s">
        <v>326</v>
      </c>
      <c r="J1" s="135"/>
      <c r="K1" s="135"/>
    </row>
    <row r="2" spans="1:11" ht="18" x14ac:dyDescent="0.35">
      <c r="A2" s="116"/>
      <c r="B2" s="116"/>
      <c r="C2" s="116" t="s">
        <v>268</v>
      </c>
      <c r="D2" s="116" t="s">
        <v>269</v>
      </c>
      <c r="E2" s="116" t="s">
        <v>270</v>
      </c>
      <c r="F2" s="116" t="s">
        <v>271</v>
      </c>
      <c r="I2" s="136" t="s">
        <v>315</v>
      </c>
      <c r="J2" s="135" t="s">
        <v>316</v>
      </c>
      <c r="K2" s="135" t="s">
        <v>5</v>
      </c>
    </row>
    <row r="3" spans="1:11" ht="18" x14ac:dyDescent="0.35">
      <c r="A3" s="138">
        <v>1</v>
      </c>
      <c r="B3" s="139" t="s">
        <v>5</v>
      </c>
      <c r="C3" s="138">
        <v>7</v>
      </c>
      <c r="D3" s="138">
        <v>18</v>
      </c>
      <c r="E3" s="140" t="s">
        <v>321</v>
      </c>
      <c r="F3" s="141" t="s">
        <v>322</v>
      </c>
      <c r="I3" s="136" t="s">
        <v>317</v>
      </c>
      <c r="J3" s="135" t="s">
        <v>318</v>
      </c>
      <c r="K3" s="135" t="s">
        <v>6</v>
      </c>
    </row>
    <row r="4" spans="1:11" ht="18" x14ac:dyDescent="0.35">
      <c r="A4" s="138">
        <v>2</v>
      </c>
      <c r="B4" s="139" t="s">
        <v>6</v>
      </c>
      <c r="C4" s="138">
        <v>7</v>
      </c>
      <c r="D4" s="138">
        <v>16</v>
      </c>
      <c r="E4" s="140" t="s">
        <v>302</v>
      </c>
      <c r="F4" s="141" t="s">
        <v>303</v>
      </c>
    </row>
    <row r="5" spans="1:11" ht="18" x14ac:dyDescent="0.35">
      <c r="A5" s="117">
        <v>3</v>
      </c>
      <c r="B5" s="118" t="s">
        <v>10</v>
      </c>
      <c r="C5" s="117">
        <v>7</v>
      </c>
      <c r="D5" s="117">
        <v>15</v>
      </c>
      <c r="E5" s="119" t="s">
        <v>319</v>
      </c>
      <c r="F5" s="120" t="s">
        <v>320</v>
      </c>
    </row>
    <row r="6" spans="1:11" ht="18" x14ac:dyDescent="0.35">
      <c r="A6" s="117">
        <v>4</v>
      </c>
      <c r="B6" s="118" t="s">
        <v>7</v>
      </c>
      <c r="C6" s="117">
        <v>7</v>
      </c>
      <c r="D6" s="117">
        <v>14</v>
      </c>
      <c r="E6" s="119" t="s">
        <v>308</v>
      </c>
      <c r="F6" s="120" t="s">
        <v>290</v>
      </c>
    </row>
    <row r="7" spans="1:11" ht="18" x14ac:dyDescent="0.35">
      <c r="A7" s="117">
        <v>5</v>
      </c>
      <c r="B7" s="118" t="s">
        <v>120</v>
      </c>
      <c r="C7" s="117">
        <v>7</v>
      </c>
      <c r="D7" s="117">
        <v>9</v>
      </c>
      <c r="E7" s="119" t="s">
        <v>306</v>
      </c>
      <c r="F7" s="120" t="s">
        <v>307</v>
      </c>
    </row>
    <row r="8" spans="1:11" ht="18" x14ac:dyDescent="0.35">
      <c r="A8" s="117">
        <v>6</v>
      </c>
      <c r="B8" s="118" t="s">
        <v>8</v>
      </c>
      <c r="C8" s="117">
        <v>7</v>
      </c>
      <c r="D8" s="117">
        <v>6</v>
      </c>
      <c r="E8" s="119" t="s">
        <v>311</v>
      </c>
      <c r="F8" s="120" t="s">
        <v>273</v>
      </c>
    </row>
    <row r="9" spans="1:11" ht="18" x14ac:dyDescent="0.35">
      <c r="A9" s="117">
        <v>7</v>
      </c>
      <c r="B9" s="118" t="s">
        <v>14</v>
      </c>
      <c r="C9" s="117">
        <v>7</v>
      </c>
      <c r="D9" s="117">
        <v>3</v>
      </c>
      <c r="E9" s="119" t="s">
        <v>300</v>
      </c>
      <c r="F9" s="120" t="s">
        <v>301</v>
      </c>
    </row>
    <row r="10" spans="1:11" ht="18" x14ac:dyDescent="0.35">
      <c r="A10" s="117">
        <v>8</v>
      </c>
      <c r="B10" s="118" t="s">
        <v>9</v>
      </c>
      <c r="C10" s="117">
        <v>7</v>
      </c>
      <c r="D10" s="117">
        <v>0</v>
      </c>
      <c r="E10" s="119" t="s">
        <v>312</v>
      </c>
      <c r="F10" s="120" t="s">
        <v>313</v>
      </c>
    </row>
  </sheetData>
  <mergeCells count="1">
    <mergeCell ref="A1:F1"/>
  </mergeCells>
  <pageMargins left="0.7" right="0.7" top="0.75" bottom="0.75" header="0.3" footer="0.3"/>
  <pageSetup paperSize="9" scale="75" orientation="landscape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Arkusz4">
    <pageSetUpPr fitToPage="1"/>
  </sheetPr>
  <dimension ref="A1:H21"/>
  <sheetViews>
    <sheetView zoomScale="80" zoomScaleNormal="80" workbookViewId="0">
      <selection activeCell="F6" sqref="F6"/>
    </sheetView>
  </sheetViews>
  <sheetFormatPr defaultColWidth="8.88671875" defaultRowHeight="14.4" x14ac:dyDescent="0.3"/>
  <cols>
    <col min="1" max="1" width="45.88671875" style="70" customWidth="1"/>
    <col min="2" max="2" width="32" style="70" customWidth="1"/>
    <col min="3" max="3" width="30" style="70" customWidth="1"/>
    <col min="4" max="4" width="29.88671875" style="70" customWidth="1"/>
    <col min="5" max="5" width="25.88671875" style="70" customWidth="1"/>
    <col min="6" max="7" width="19.5546875" style="70" customWidth="1"/>
    <col min="8" max="8" width="24" style="70" customWidth="1"/>
    <col min="9" max="16384" width="8.88671875" style="70"/>
  </cols>
  <sheetData>
    <row r="1" spans="1:8" ht="23.4" x14ac:dyDescent="0.3">
      <c r="A1" s="162" t="s">
        <v>192</v>
      </c>
      <c r="B1" s="162"/>
      <c r="C1" s="162"/>
      <c r="D1" s="162"/>
      <c r="E1" s="162"/>
      <c r="F1" s="162"/>
      <c r="G1" s="162"/>
      <c r="H1" s="162"/>
    </row>
    <row r="2" spans="1:8" ht="18" x14ac:dyDescent="0.35">
      <c r="A2" s="90"/>
      <c r="B2" s="157" t="s">
        <v>191</v>
      </c>
      <c r="C2" s="157"/>
      <c r="D2" s="157"/>
      <c r="E2" s="157"/>
      <c r="F2" s="157"/>
      <c r="G2" s="89"/>
      <c r="H2" s="89"/>
    </row>
    <row r="3" spans="1:8" ht="15.6" x14ac:dyDescent="0.3">
      <c r="A3" s="88" t="s">
        <v>190</v>
      </c>
      <c r="B3" s="87">
        <v>1</v>
      </c>
      <c r="C3" s="87">
        <v>2</v>
      </c>
      <c r="D3" s="87">
        <v>3</v>
      </c>
      <c r="E3" s="87">
        <v>4</v>
      </c>
      <c r="F3" s="87">
        <v>5</v>
      </c>
      <c r="G3" s="87">
        <v>6</v>
      </c>
      <c r="H3" s="87">
        <v>7</v>
      </c>
    </row>
    <row r="4" spans="1:8" ht="107.25" customHeight="1" x14ac:dyDescent="0.3">
      <c r="A4" s="81" t="s">
        <v>7</v>
      </c>
      <c r="B4" s="86" t="s">
        <v>189</v>
      </c>
      <c r="C4" s="78" t="s">
        <v>196</v>
      </c>
      <c r="D4" s="78"/>
      <c r="E4" s="84"/>
      <c r="F4" s="84"/>
      <c r="G4" s="130" t="s">
        <v>280</v>
      </c>
      <c r="H4" s="85"/>
    </row>
    <row r="5" spans="1:8" ht="35.25" customHeight="1" x14ac:dyDescent="0.3">
      <c r="A5" s="81" t="s">
        <v>14</v>
      </c>
      <c r="B5" s="79" t="s">
        <v>188</v>
      </c>
      <c r="C5" s="77"/>
      <c r="D5" s="79" t="s">
        <v>187</v>
      </c>
      <c r="E5" s="105" t="s">
        <v>221</v>
      </c>
      <c r="F5" s="77"/>
      <c r="G5" s="71"/>
      <c r="H5" s="71"/>
    </row>
    <row r="6" spans="1:8" ht="128.25" customHeight="1" x14ac:dyDescent="0.3">
      <c r="A6" s="158" t="s">
        <v>98</v>
      </c>
      <c r="B6" s="93" t="s">
        <v>195</v>
      </c>
      <c r="C6" s="160"/>
      <c r="D6" s="78" t="s">
        <v>330</v>
      </c>
      <c r="E6" s="79" t="s">
        <v>217</v>
      </c>
      <c r="F6" s="77"/>
      <c r="G6" s="76"/>
      <c r="H6" s="82"/>
    </row>
    <row r="7" spans="1:8" ht="29.4" customHeight="1" x14ac:dyDescent="0.3">
      <c r="A7" s="159"/>
      <c r="B7" s="94" t="s">
        <v>198</v>
      </c>
      <c r="C7" s="161"/>
      <c r="D7" s="95" t="s">
        <v>197</v>
      </c>
      <c r="E7" s="83"/>
      <c r="F7" s="77"/>
      <c r="G7" s="76"/>
      <c r="H7" s="82"/>
    </row>
    <row r="8" spans="1:8" ht="38.25" customHeight="1" x14ac:dyDescent="0.3">
      <c r="A8" s="75" t="s">
        <v>186</v>
      </c>
      <c r="B8" s="78" t="s">
        <v>185</v>
      </c>
      <c r="C8" s="77"/>
      <c r="D8" s="79" t="s">
        <v>184</v>
      </c>
      <c r="E8" s="74" t="s">
        <v>201</v>
      </c>
      <c r="F8" s="108" t="s">
        <v>245</v>
      </c>
      <c r="G8" s="108" t="s">
        <v>245</v>
      </c>
      <c r="H8" s="73"/>
    </row>
    <row r="9" spans="1:8" ht="31.5" customHeight="1" x14ac:dyDescent="0.3">
      <c r="A9" s="81" t="s">
        <v>6</v>
      </c>
      <c r="B9" s="80"/>
      <c r="C9" s="79" t="s">
        <v>183</v>
      </c>
      <c r="D9" s="78" t="s">
        <v>182</v>
      </c>
      <c r="E9" s="108" t="s">
        <v>228</v>
      </c>
      <c r="F9" s="72"/>
      <c r="G9" s="71"/>
      <c r="H9" s="73"/>
    </row>
    <row r="10" spans="1:8" ht="61.5" customHeight="1" x14ac:dyDescent="0.3">
      <c r="A10" s="75" t="s">
        <v>10</v>
      </c>
      <c r="B10" s="73"/>
      <c r="C10" s="78" t="s">
        <v>194</v>
      </c>
      <c r="D10" s="79" t="s">
        <v>193</v>
      </c>
      <c r="E10" s="164" t="s">
        <v>200</v>
      </c>
      <c r="F10" s="72"/>
      <c r="G10" s="76"/>
      <c r="H10" s="73"/>
    </row>
    <row r="11" spans="1:8" ht="84" customHeight="1" x14ac:dyDescent="0.3">
      <c r="A11" s="75" t="s">
        <v>5</v>
      </c>
      <c r="B11" s="73"/>
      <c r="C11" s="74" t="s">
        <v>181</v>
      </c>
      <c r="D11" s="71"/>
      <c r="E11" s="71"/>
      <c r="F11" s="71"/>
      <c r="G11" s="71"/>
      <c r="H11" s="73"/>
    </row>
    <row r="12" spans="1:8" ht="30.75" customHeight="1" x14ac:dyDescent="0.3">
      <c r="A12" s="106" t="s">
        <v>36</v>
      </c>
      <c r="B12" s="77"/>
      <c r="C12" s="77"/>
      <c r="D12" s="77"/>
      <c r="E12" s="108" t="s">
        <v>233</v>
      </c>
      <c r="F12" s="77"/>
      <c r="G12" s="74" t="s">
        <v>291</v>
      </c>
      <c r="H12" s="74" t="s">
        <v>314</v>
      </c>
    </row>
    <row r="13" spans="1:8" ht="32.25" customHeight="1" x14ac:dyDescent="0.3"/>
    <row r="21" ht="18" customHeight="1" x14ac:dyDescent="0.3"/>
  </sheetData>
  <mergeCells count="4">
    <mergeCell ref="B2:F2"/>
    <mergeCell ref="A6:A7"/>
    <mergeCell ref="C6:C7"/>
    <mergeCell ref="A1:H1"/>
  </mergeCells>
  <pageMargins left="0.7" right="0.7" top="0.75" bottom="0.75" header="0.3" footer="0.3"/>
  <pageSetup paperSize="9" scale="46" fitToHeight="0" orientation="landscape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Arkusz3">
    <pageSetUpPr fitToPage="1"/>
  </sheetPr>
  <dimension ref="A1:AG81"/>
  <sheetViews>
    <sheetView topLeftCell="K1" zoomScale="80" zoomScaleNormal="80" workbookViewId="0">
      <selection activeCell="AE9" sqref="AE9"/>
    </sheetView>
  </sheetViews>
  <sheetFormatPr defaultRowHeight="14.4" x14ac:dyDescent="0.3"/>
  <cols>
    <col min="1" max="1" width="22" bestFit="1" customWidth="1"/>
    <col min="2" max="2" width="17.6640625" customWidth="1"/>
    <col min="3" max="3" width="15.5546875" customWidth="1"/>
    <col min="4" max="4" width="12.88671875" style="18" bestFit="1" customWidth="1"/>
    <col min="5" max="5" width="9.109375" style="21"/>
    <col min="6" max="6" width="9.109375" style="18"/>
    <col min="7" max="7" width="9.109375" style="21"/>
    <col min="8" max="8" width="9.109375" style="18"/>
    <col min="9" max="9" width="9.109375" style="21"/>
    <col min="10" max="10" width="9.88671875" style="44" bestFit="1" customWidth="1"/>
    <col min="11" max="11" width="9.109375" style="21"/>
    <col min="12" max="12" width="9.109375" style="44"/>
    <col min="13" max="13" width="13.44140625" style="21" bestFit="1" customWidth="1"/>
    <col min="14" max="14" width="14.88671875" style="44" bestFit="1" customWidth="1"/>
    <col min="15" max="15" width="9.109375" style="21"/>
    <col min="24" max="24" width="17" customWidth="1"/>
    <col min="28" max="28" width="28" customWidth="1"/>
  </cols>
  <sheetData>
    <row r="1" spans="1:33" x14ac:dyDescent="0.3">
      <c r="D1" s="163" t="s">
        <v>119</v>
      </c>
      <c r="E1" s="163"/>
      <c r="F1" s="163"/>
      <c r="G1" s="163"/>
      <c r="H1" s="163"/>
      <c r="I1" s="163"/>
      <c r="J1" s="52"/>
      <c r="K1" s="19"/>
      <c r="L1" s="52"/>
      <c r="M1" s="19"/>
      <c r="N1" s="52"/>
      <c r="O1" s="19"/>
      <c r="P1" s="52"/>
      <c r="Q1" s="19"/>
      <c r="R1" s="52"/>
      <c r="S1" s="19"/>
      <c r="T1" s="52"/>
      <c r="U1" s="19"/>
      <c r="V1" s="52"/>
      <c r="W1" s="19"/>
      <c r="X1" s="17"/>
      <c r="Y1" s="19"/>
      <c r="Z1" s="17"/>
      <c r="AA1" s="19"/>
      <c r="AB1" s="52"/>
      <c r="AC1" s="21"/>
      <c r="AD1" s="44"/>
      <c r="AE1" s="19"/>
    </row>
    <row r="2" spans="1:33" ht="15" thickBot="1" x14ac:dyDescent="0.35">
      <c r="D2" s="121">
        <v>1</v>
      </c>
      <c r="E2" s="113">
        <v>2</v>
      </c>
      <c r="F2" s="121">
        <v>3</v>
      </c>
      <c r="G2" s="113">
        <v>4</v>
      </c>
      <c r="H2" s="121">
        <v>5</v>
      </c>
      <c r="I2" s="113">
        <v>6</v>
      </c>
      <c r="J2" s="123">
        <v>7</v>
      </c>
      <c r="K2" s="113">
        <v>8</v>
      </c>
      <c r="L2" s="123">
        <v>9</v>
      </c>
      <c r="M2" s="113">
        <v>10</v>
      </c>
      <c r="N2" s="123">
        <v>11</v>
      </c>
      <c r="O2" s="113">
        <v>12</v>
      </c>
      <c r="P2" s="123">
        <v>13</v>
      </c>
      <c r="Q2" s="113">
        <v>14</v>
      </c>
      <c r="R2" s="123">
        <v>15</v>
      </c>
      <c r="S2" s="113">
        <v>16</v>
      </c>
      <c r="T2" s="123">
        <v>17</v>
      </c>
      <c r="U2" s="113">
        <v>18</v>
      </c>
      <c r="V2" s="123">
        <v>19</v>
      </c>
      <c r="W2" s="113">
        <v>20</v>
      </c>
      <c r="X2" s="121">
        <v>21</v>
      </c>
      <c r="Y2" s="113">
        <v>22</v>
      </c>
      <c r="Z2" s="121">
        <v>23</v>
      </c>
      <c r="AA2" s="113">
        <v>24</v>
      </c>
      <c r="AB2" s="123">
        <v>25</v>
      </c>
      <c r="AC2" s="124">
        <v>26</v>
      </c>
      <c r="AD2" s="123">
        <v>27</v>
      </c>
      <c r="AE2" s="113">
        <v>28</v>
      </c>
      <c r="AF2" s="97"/>
      <c r="AG2" s="97"/>
    </row>
    <row r="3" spans="1:33" x14ac:dyDescent="0.3">
      <c r="A3" s="22" t="s">
        <v>5</v>
      </c>
      <c r="B3" s="23" t="s">
        <v>32</v>
      </c>
      <c r="C3" s="23" t="s">
        <v>17</v>
      </c>
      <c r="D3" s="62" t="s">
        <v>33</v>
      </c>
      <c r="E3" s="59"/>
      <c r="F3" s="58"/>
      <c r="G3" s="59"/>
      <c r="H3" s="58"/>
      <c r="I3" s="61"/>
      <c r="J3" s="126"/>
      <c r="K3" s="59"/>
      <c r="L3" s="126"/>
      <c r="M3" s="59"/>
      <c r="N3" s="126"/>
      <c r="O3" s="59"/>
      <c r="P3" s="18"/>
      <c r="Q3" s="127" t="s">
        <v>141</v>
      </c>
      <c r="R3" s="126"/>
      <c r="S3" s="59"/>
      <c r="T3" s="127" t="s">
        <v>237</v>
      </c>
      <c r="U3" s="59"/>
      <c r="V3" s="128"/>
      <c r="W3" s="19"/>
      <c r="X3" s="17"/>
      <c r="Y3" s="19"/>
      <c r="Z3" s="16" t="s">
        <v>287</v>
      </c>
      <c r="AA3" s="19"/>
      <c r="AB3" s="52"/>
      <c r="AC3" s="125"/>
      <c r="AD3" s="52"/>
      <c r="AE3" s="19"/>
    </row>
    <row r="4" spans="1:33" x14ac:dyDescent="0.3">
      <c r="A4" s="27" t="s">
        <v>5</v>
      </c>
      <c r="B4" s="15" t="s">
        <v>19</v>
      </c>
      <c r="C4" s="15" t="s">
        <v>18</v>
      </c>
      <c r="D4" s="16" t="s">
        <v>34</v>
      </c>
      <c r="E4" s="19"/>
      <c r="F4" s="17"/>
      <c r="G4" s="19"/>
      <c r="H4" s="17"/>
      <c r="I4" s="46"/>
      <c r="J4" s="52"/>
      <c r="K4" s="19"/>
      <c r="L4" s="52"/>
      <c r="M4" s="19"/>
      <c r="N4" s="52"/>
      <c r="O4" s="19"/>
      <c r="P4" s="52"/>
      <c r="Q4" s="19"/>
      <c r="R4" s="52"/>
      <c r="S4" s="19"/>
      <c r="T4" s="52"/>
      <c r="U4" s="19"/>
      <c r="V4" s="112"/>
      <c r="W4" s="19"/>
      <c r="X4" s="17"/>
      <c r="Y4" s="19"/>
      <c r="Z4" s="17"/>
      <c r="AA4" s="19"/>
      <c r="AB4" s="52"/>
      <c r="AC4" s="125"/>
      <c r="AD4" s="52"/>
      <c r="AE4" s="19"/>
    </row>
    <row r="5" spans="1:33" x14ac:dyDescent="0.3">
      <c r="A5" s="27" t="s">
        <v>5</v>
      </c>
      <c r="B5" s="15" t="s">
        <v>22</v>
      </c>
      <c r="C5" s="15" t="s">
        <v>23</v>
      </c>
      <c r="D5" s="16" t="s">
        <v>324</v>
      </c>
      <c r="E5" s="19"/>
      <c r="F5" s="17"/>
      <c r="G5" s="19"/>
      <c r="H5" s="17"/>
      <c r="I5" s="47" t="s">
        <v>116</v>
      </c>
      <c r="J5" s="52"/>
      <c r="K5" s="19"/>
      <c r="L5" s="52"/>
      <c r="M5" s="20" t="s">
        <v>165</v>
      </c>
      <c r="N5" s="52"/>
      <c r="O5" s="19"/>
      <c r="P5" s="53"/>
      <c r="Q5" s="19" t="s">
        <v>218</v>
      </c>
      <c r="R5" s="52"/>
      <c r="S5" s="19"/>
      <c r="T5" s="53" t="s">
        <v>239</v>
      </c>
      <c r="U5" s="19"/>
      <c r="V5" s="112"/>
      <c r="W5" s="19"/>
      <c r="X5" s="17"/>
      <c r="Y5" s="19"/>
      <c r="Z5" s="16" t="s">
        <v>141</v>
      </c>
      <c r="AA5" s="19"/>
      <c r="AB5" s="52"/>
      <c r="AC5" s="125"/>
      <c r="AD5" s="52"/>
      <c r="AE5" s="20" t="s">
        <v>254</v>
      </c>
    </row>
    <row r="6" spans="1:33" x14ac:dyDescent="0.3">
      <c r="A6" s="27" t="s">
        <v>5</v>
      </c>
      <c r="B6" s="15" t="s">
        <v>24</v>
      </c>
      <c r="C6" s="15" t="s">
        <v>25</v>
      </c>
      <c r="D6" s="16" t="s">
        <v>37</v>
      </c>
      <c r="E6" s="19"/>
      <c r="F6" s="17"/>
      <c r="G6" s="19"/>
      <c r="H6" s="17"/>
      <c r="I6" s="47" t="s">
        <v>41</v>
      </c>
      <c r="J6" s="52"/>
      <c r="K6" s="19"/>
      <c r="L6" s="52"/>
      <c r="M6" s="19"/>
      <c r="N6" s="52"/>
      <c r="O6" s="19"/>
      <c r="P6" s="52"/>
      <c r="Q6" s="19"/>
      <c r="R6" s="52"/>
      <c r="S6" s="19"/>
      <c r="T6" s="53" t="s">
        <v>99</v>
      </c>
      <c r="U6" s="19"/>
      <c r="V6" s="112"/>
      <c r="W6" s="19"/>
      <c r="X6" s="17"/>
      <c r="Y6" s="19"/>
      <c r="Z6" s="16" t="s">
        <v>79</v>
      </c>
      <c r="AA6" s="19"/>
      <c r="AB6" s="52"/>
      <c r="AC6" s="125"/>
      <c r="AD6" s="52"/>
      <c r="AE6" s="19"/>
    </row>
    <row r="7" spans="1:33" x14ac:dyDescent="0.3">
      <c r="A7" s="27" t="s">
        <v>5</v>
      </c>
      <c r="B7" s="15" t="s">
        <v>235</v>
      </c>
      <c r="C7" s="15" t="s">
        <v>59</v>
      </c>
      <c r="D7" s="16"/>
      <c r="E7" s="19"/>
      <c r="F7" s="17"/>
      <c r="G7" s="19"/>
      <c r="H7" s="17"/>
      <c r="I7" s="47"/>
      <c r="J7" s="52"/>
      <c r="K7" s="19"/>
      <c r="L7" s="52"/>
      <c r="M7" s="19"/>
      <c r="N7" s="52"/>
      <c r="O7" s="19"/>
      <c r="P7" s="52"/>
      <c r="Q7" s="19"/>
      <c r="R7" s="52"/>
      <c r="S7" s="19"/>
      <c r="T7" s="53" t="s">
        <v>236</v>
      </c>
      <c r="U7" s="19"/>
      <c r="V7" s="112"/>
      <c r="W7" s="19"/>
      <c r="X7" s="17"/>
      <c r="Y7" s="19"/>
      <c r="Z7" s="16" t="s">
        <v>288</v>
      </c>
      <c r="AA7" s="19"/>
      <c r="AB7" s="52"/>
      <c r="AC7" s="125"/>
      <c r="AD7" s="52"/>
      <c r="AE7" s="19"/>
    </row>
    <row r="8" spans="1:33" x14ac:dyDescent="0.3">
      <c r="A8" s="27" t="s">
        <v>5</v>
      </c>
      <c r="B8" s="15" t="s">
        <v>26</v>
      </c>
      <c r="C8" s="15" t="s">
        <v>27</v>
      </c>
      <c r="D8" s="16" t="s">
        <v>39</v>
      </c>
      <c r="E8" s="19"/>
      <c r="F8" s="17"/>
      <c r="G8" s="19"/>
      <c r="H8" s="17"/>
      <c r="I8" s="46"/>
      <c r="J8" s="52"/>
      <c r="K8" s="19"/>
      <c r="L8" s="52"/>
      <c r="M8" s="19"/>
      <c r="N8" s="52"/>
      <c r="O8" s="19"/>
      <c r="P8" s="52"/>
      <c r="Q8" s="19"/>
      <c r="R8" s="52"/>
      <c r="S8" s="19"/>
      <c r="T8" s="53" t="s">
        <v>234</v>
      </c>
      <c r="U8" s="19"/>
      <c r="V8" s="112"/>
      <c r="W8" s="19"/>
      <c r="X8" s="17"/>
      <c r="Y8" s="19"/>
      <c r="Z8" s="17"/>
      <c r="AA8" s="19"/>
      <c r="AB8" s="52"/>
      <c r="AC8" s="125"/>
      <c r="AD8" s="52"/>
      <c r="AE8" s="19"/>
    </row>
    <row r="9" spans="1:33" x14ac:dyDescent="0.3">
      <c r="A9" s="27" t="s">
        <v>5</v>
      </c>
      <c r="B9" s="40" t="s">
        <v>328</v>
      </c>
      <c r="C9" s="40" t="s">
        <v>59</v>
      </c>
      <c r="D9" s="55"/>
      <c r="E9" s="42"/>
      <c r="F9" s="41"/>
      <c r="G9" s="42"/>
      <c r="H9" s="41"/>
      <c r="I9" s="50"/>
      <c r="J9" s="52"/>
      <c r="K9" s="19"/>
      <c r="L9" s="52"/>
      <c r="M9" s="19"/>
      <c r="N9" s="52"/>
      <c r="O9" s="19"/>
      <c r="P9" s="52"/>
      <c r="Q9" s="19"/>
      <c r="R9" s="52"/>
      <c r="S9" s="19"/>
      <c r="T9" s="53"/>
      <c r="U9" s="19"/>
      <c r="V9" s="112"/>
      <c r="W9" s="19"/>
      <c r="X9" s="17"/>
      <c r="Y9" s="19"/>
      <c r="Z9" s="17"/>
      <c r="AA9" s="19"/>
      <c r="AB9" s="52"/>
      <c r="AC9" s="125"/>
      <c r="AD9" s="52"/>
      <c r="AE9" s="20" t="s">
        <v>238</v>
      </c>
    </row>
    <row r="10" spans="1:33" ht="15" thickBot="1" x14ac:dyDescent="0.35">
      <c r="A10" s="28" t="s">
        <v>5</v>
      </c>
      <c r="B10" s="29" t="s">
        <v>29</v>
      </c>
      <c r="C10" s="29" t="s">
        <v>28</v>
      </c>
      <c r="D10" s="30" t="s">
        <v>40</v>
      </c>
      <c r="E10" s="31"/>
      <c r="F10" s="32"/>
      <c r="G10" s="31"/>
      <c r="H10" s="32"/>
      <c r="I10" s="48" t="s">
        <v>115</v>
      </c>
      <c r="J10" s="52"/>
      <c r="K10" s="19"/>
      <c r="L10" s="52"/>
      <c r="M10" s="19"/>
      <c r="N10" s="52"/>
      <c r="O10" s="19"/>
      <c r="P10" s="52"/>
      <c r="Q10" s="20" t="s">
        <v>41</v>
      </c>
      <c r="R10" s="52"/>
      <c r="S10" s="19"/>
      <c r="T10" s="53" t="s">
        <v>238</v>
      </c>
      <c r="U10" s="19"/>
      <c r="V10" s="112"/>
      <c r="W10" s="19"/>
      <c r="X10" s="17"/>
      <c r="Y10" s="19"/>
      <c r="Z10" s="16" t="s">
        <v>286</v>
      </c>
      <c r="AA10" s="19"/>
      <c r="AB10" s="52"/>
      <c r="AC10" s="125"/>
      <c r="AD10" s="52"/>
      <c r="AE10" s="19"/>
    </row>
    <row r="11" spans="1:33" x14ac:dyDescent="0.3">
      <c r="A11" s="22" t="s">
        <v>6</v>
      </c>
      <c r="B11" s="23" t="s">
        <v>42</v>
      </c>
      <c r="C11" s="23" t="s">
        <v>43</v>
      </c>
      <c r="D11" s="26"/>
      <c r="E11" s="33" t="s">
        <v>51</v>
      </c>
      <c r="F11" s="26"/>
      <c r="G11" s="25"/>
      <c r="H11" s="24" t="s">
        <v>150</v>
      </c>
      <c r="I11" s="45"/>
      <c r="J11" s="52"/>
      <c r="K11" s="19"/>
      <c r="L11" s="52"/>
      <c r="M11" s="19"/>
      <c r="N11" s="52"/>
      <c r="O11" s="19"/>
      <c r="P11" s="52"/>
      <c r="Q11" s="19"/>
      <c r="R11" s="52"/>
      <c r="S11" s="20" t="s">
        <v>141</v>
      </c>
      <c r="T11" s="52"/>
      <c r="U11" s="19"/>
      <c r="V11" s="112"/>
      <c r="W11" s="20" t="s">
        <v>141</v>
      </c>
      <c r="X11" s="16" t="s">
        <v>276</v>
      </c>
      <c r="Y11" s="19"/>
      <c r="Z11" s="17"/>
      <c r="AA11" s="19"/>
      <c r="AB11" s="53" t="s">
        <v>304</v>
      </c>
      <c r="AC11" s="125"/>
      <c r="AD11" s="52"/>
      <c r="AE11" s="19"/>
    </row>
    <row r="12" spans="1:33" x14ac:dyDescent="0.3">
      <c r="A12" s="27" t="s">
        <v>6</v>
      </c>
      <c r="B12" s="15" t="s">
        <v>46</v>
      </c>
      <c r="C12" s="15" t="s">
        <v>47</v>
      </c>
      <c r="D12" s="17"/>
      <c r="E12" s="20" t="s">
        <v>55</v>
      </c>
      <c r="F12" s="17"/>
      <c r="G12" s="19"/>
      <c r="H12" s="16" t="s">
        <v>110</v>
      </c>
      <c r="I12" s="46"/>
      <c r="J12" s="52"/>
      <c r="K12" s="19"/>
      <c r="L12" s="52"/>
      <c r="M12" s="20" t="s">
        <v>84</v>
      </c>
      <c r="N12" s="52"/>
      <c r="O12" s="19"/>
      <c r="P12" s="52"/>
      <c r="Q12" s="19"/>
      <c r="R12" s="52"/>
      <c r="S12" s="20" t="s">
        <v>38</v>
      </c>
      <c r="T12" s="52"/>
      <c r="U12" s="19"/>
      <c r="V12" s="112"/>
      <c r="W12" s="20" t="s">
        <v>161</v>
      </c>
      <c r="X12" s="17"/>
      <c r="Y12" s="19"/>
      <c r="Z12" s="17"/>
      <c r="AA12" s="19"/>
      <c r="AB12" s="52"/>
      <c r="AC12" s="125"/>
      <c r="AD12" s="52"/>
      <c r="AE12" s="19"/>
    </row>
    <row r="13" spans="1:33" x14ac:dyDescent="0.3">
      <c r="A13" s="27" t="s">
        <v>6</v>
      </c>
      <c r="B13" s="15" t="s">
        <v>48</v>
      </c>
      <c r="C13" s="15" t="s">
        <v>49</v>
      </c>
      <c r="D13" s="17"/>
      <c r="E13" s="20" t="s">
        <v>56</v>
      </c>
      <c r="F13" s="17"/>
      <c r="G13" s="19"/>
      <c r="H13" s="16" t="s">
        <v>111</v>
      </c>
      <c r="I13" s="46"/>
      <c r="J13" s="52"/>
      <c r="K13" s="19"/>
      <c r="L13" s="52"/>
      <c r="M13" s="19"/>
      <c r="N13" s="52"/>
      <c r="O13" s="19"/>
      <c r="P13" s="52"/>
      <c r="Q13" s="19"/>
      <c r="R13" s="52"/>
      <c r="S13" s="20" t="s">
        <v>229</v>
      </c>
      <c r="T13" s="52"/>
      <c r="U13" s="19"/>
      <c r="V13" s="112"/>
      <c r="W13" s="20" t="s">
        <v>254</v>
      </c>
      <c r="X13" s="16" t="s">
        <v>277</v>
      </c>
      <c r="Y13" s="19"/>
      <c r="Z13" s="16" t="s">
        <v>79</v>
      </c>
      <c r="AA13" s="19"/>
      <c r="AB13" s="53" t="s">
        <v>79</v>
      </c>
      <c r="AC13" s="125"/>
      <c r="AD13" s="52"/>
      <c r="AE13" s="19"/>
    </row>
    <row r="14" spans="1:33" x14ac:dyDescent="0.3">
      <c r="A14" s="27" t="s">
        <v>6</v>
      </c>
      <c r="B14" s="15" t="s">
        <v>52</v>
      </c>
      <c r="C14" s="15" t="s">
        <v>53</v>
      </c>
      <c r="D14" s="17"/>
      <c r="E14" s="20" t="s">
        <v>57</v>
      </c>
      <c r="F14" s="17"/>
      <c r="G14" s="19"/>
      <c r="H14" s="17"/>
      <c r="I14" s="46"/>
      <c r="J14" s="52"/>
      <c r="K14" s="19"/>
      <c r="L14" s="52"/>
      <c r="M14" s="19"/>
      <c r="N14" s="52"/>
      <c r="O14" s="19"/>
      <c r="P14" s="52"/>
      <c r="Q14" s="19"/>
      <c r="R14" s="52"/>
      <c r="S14" s="19"/>
      <c r="T14" s="52"/>
      <c r="U14" s="19"/>
      <c r="V14" s="112"/>
      <c r="W14" s="20" t="s">
        <v>56</v>
      </c>
      <c r="X14" s="16" t="s">
        <v>275</v>
      </c>
      <c r="Y14" s="19"/>
      <c r="Z14" s="17"/>
      <c r="AA14" s="19"/>
      <c r="AB14" s="53" t="s">
        <v>161</v>
      </c>
      <c r="AC14" s="125"/>
      <c r="AD14" s="52"/>
      <c r="AE14" s="19"/>
    </row>
    <row r="15" spans="1:33" x14ac:dyDescent="0.3">
      <c r="A15" s="27" t="s">
        <v>6</v>
      </c>
      <c r="B15" s="40" t="s">
        <v>264</v>
      </c>
      <c r="C15" s="40" t="s">
        <v>265</v>
      </c>
      <c r="D15" s="41"/>
      <c r="E15" s="43"/>
      <c r="F15" s="41"/>
      <c r="G15" s="42"/>
      <c r="H15" s="41"/>
      <c r="I15" s="50"/>
      <c r="J15" s="52"/>
      <c r="K15" s="19"/>
      <c r="L15" s="52"/>
      <c r="M15" s="19"/>
      <c r="N15" s="52"/>
      <c r="O15" s="19"/>
      <c r="P15" s="52"/>
      <c r="Q15" s="19"/>
      <c r="R15" s="52"/>
      <c r="S15" s="19"/>
      <c r="T15" s="52"/>
      <c r="U15" s="19"/>
      <c r="V15" s="112"/>
      <c r="W15" s="20" t="s">
        <v>80</v>
      </c>
      <c r="X15" s="16" t="s">
        <v>278</v>
      </c>
      <c r="Y15" s="19"/>
      <c r="Z15" s="17"/>
      <c r="AA15" s="19"/>
      <c r="AB15" s="53" t="s">
        <v>305</v>
      </c>
      <c r="AC15" s="125"/>
      <c r="AD15" s="52"/>
      <c r="AE15" s="19"/>
    </row>
    <row r="16" spans="1:33" ht="15" thickBot="1" x14ac:dyDescent="0.35">
      <c r="A16" s="28" t="s">
        <v>6</v>
      </c>
      <c r="B16" s="29" t="s">
        <v>105</v>
      </c>
      <c r="C16" s="29" t="s">
        <v>106</v>
      </c>
      <c r="D16" s="32"/>
      <c r="E16" s="31"/>
      <c r="F16" s="32"/>
      <c r="G16" s="31"/>
      <c r="H16" s="30" t="s">
        <v>109</v>
      </c>
      <c r="I16" s="49"/>
      <c r="J16" s="52"/>
      <c r="K16" s="19"/>
      <c r="L16" s="52"/>
      <c r="M16" s="19"/>
      <c r="N16" s="52"/>
      <c r="O16" s="19"/>
      <c r="P16" s="52"/>
      <c r="Q16" s="19"/>
      <c r="R16" s="52"/>
      <c r="S16" s="19"/>
      <c r="T16" s="52"/>
      <c r="U16" s="19"/>
      <c r="V16" s="112"/>
      <c r="W16" s="20" t="s">
        <v>99</v>
      </c>
      <c r="X16" s="16" t="s">
        <v>163</v>
      </c>
      <c r="Y16" s="19"/>
      <c r="Z16" s="17"/>
      <c r="AA16" s="19"/>
      <c r="AB16" s="53" t="s">
        <v>127</v>
      </c>
      <c r="AC16" s="125"/>
      <c r="AD16" s="52"/>
      <c r="AE16" s="19"/>
    </row>
    <row r="17" spans="1:31" ht="15" thickBot="1" x14ac:dyDescent="0.35">
      <c r="A17" s="22" t="s">
        <v>120</v>
      </c>
      <c r="B17" s="23" t="s">
        <v>86</v>
      </c>
      <c r="C17" s="23" t="s">
        <v>31</v>
      </c>
      <c r="D17" s="26"/>
      <c r="E17" s="25"/>
      <c r="F17" s="26"/>
      <c r="G17" s="33" t="s">
        <v>99</v>
      </c>
      <c r="H17" s="26"/>
      <c r="I17" s="45"/>
      <c r="J17" s="53" t="s">
        <v>77</v>
      </c>
      <c r="K17" s="19"/>
      <c r="L17" s="52"/>
      <c r="M17" s="19"/>
      <c r="N17" s="52"/>
      <c r="O17" s="19"/>
      <c r="P17" s="53" t="s">
        <v>215</v>
      </c>
      <c r="Q17" s="19"/>
      <c r="R17" s="52"/>
      <c r="S17" s="19"/>
      <c r="T17" s="53" t="s">
        <v>141</v>
      </c>
      <c r="U17" s="19"/>
      <c r="V17" s="112"/>
      <c r="W17" s="19"/>
      <c r="X17" s="17"/>
      <c r="Y17" s="19"/>
      <c r="Z17" s="17"/>
      <c r="AA17" s="19"/>
      <c r="AB17" s="52"/>
      <c r="AC17" s="125"/>
      <c r="AD17" s="52"/>
      <c r="AE17" s="19"/>
    </row>
    <row r="18" spans="1:31" ht="15" thickBot="1" x14ac:dyDescent="0.35">
      <c r="A18" s="22" t="s">
        <v>120</v>
      </c>
      <c r="B18" s="15" t="s">
        <v>89</v>
      </c>
      <c r="C18" s="15" t="s">
        <v>28</v>
      </c>
      <c r="D18" s="17"/>
      <c r="E18" s="19"/>
      <c r="F18" s="17"/>
      <c r="G18" s="20" t="s">
        <v>80</v>
      </c>
      <c r="H18" s="17"/>
      <c r="I18" s="46"/>
      <c r="J18" s="53" t="s">
        <v>122</v>
      </c>
      <c r="K18" s="19"/>
      <c r="L18" s="52"/>
      <c r="M18" s="19"/>
      <c r="N18" s="52"/>
      <c r="O18" s="19"/>
      <c r="P18" s="52"/>
      <c r="Q18" s="19"/>
      <c r="R18" s="52"/>
      <c r="S18" s="19"/>
      <c r="T18" s="52"/>
      <c r="U18" s="19"/>
      <c r="V18" s="112"/>
      <c r="W18" s="19"/>
      <c r="X18" s="17"/>
      <c r="Y18" s="19"/>
      <c r="Z18" s="17"/>
      <c r="AA18" s="19"/>
      <c r="AB18" s="52"/>
      <c r="AC18" s="125"/>
      <c r="AD18" s="52"/>
      <c r="AE18" s="19"/>
    </row>
    <row r="19" spans="1:31" ht="15" thickBot="1" x14ac:dyDescent="0.35">
      <c r="A19" s="22" t="s">
        <v>120</v>
      </c>
      <c r="B19" s="15" t="s">
        <v>90</v>
      </c>
      <c r="C19" s="15" t="s">
        <v>23</v>
      </c>
      <c r="D19" s="17"/>
      <c r="E19" s="19"/>
      <c r="F19" s="17"/>
      <c r="G19" s="20" t="s">
        <v>101</v>
      </c>
      <c r="H19" s="17"/>
      <c r="I19" s="46"/>
      <c r="J19" s="53" t="s">
        <v>123</v>
      </c>
      <c r="K19" s="19"/>
      <c r="L19" s="52"/>
      <c r="M19" s="19"/>
      <c r="N19" s="53" t="s">
        <v>167</v>
      </c>
      <c r="O19" s="19"/>
      <c r="P19" s="52"/>
      <c r="Q19" s="19"/>
      <c r="R19" s="52"/>
      <c r="S19" s="19"/>
      <c r="T19" s="52"/>
      <c r="U19" s="19"/>
      <c r="V19" s="112"/>
      <c r="W19" s="19"/>
      <c r="X19" s="17"/>
      <c r="Y19" s="19"/>
      <c r="Z19" s="17"/>
      <c r="AA19" s="19"/>
      <c r="AB19" s="52"/>
      <c r="AC19" s="125"/>
      <c r="AD19" s="52"/>
      <c r="AE19" s="19"/>
    </row>
    <row r="20" spans="1:31" ht="15" thickBot="1" x14ac:dyDescent="0.35">
      <c r="A20" s="22" t="s">
        <v>120</v>
      </c>
      <c r="B20" s="15" t="s">
        <v>91</v>
      </c>
      <c r="C20" s="15" t="s">
        <v>92</v>
      </c>
      <c r="D20" s="17"/>
      <c r="E20" s="19"/>
      <c r="F20" s="17"/>
      <c r="G20" s="20" t="s">
        <v>102</v>
      </c>
      <c r="H20" s="17"/>
      <c r="I20" s="46"/>
      <c r="J20" s="53" t="s">
        <v>125</v>
      </c>
      <c r="K20" s="19"/>
      <c r="L20" s="52"/>
      <c r="M20" s="19"/>
      <c r="N20" s="53" t="s">
        <v>168</v>
      </c>
      <c r="O20" s="19"/>
      <c r="P20" s="52"/>
      <c r="Q20" s="19"/>
      <c r="R20" s="52"/>
      <c r="S20" s="19"/>
      <c r="T20" s="52"/>
      <c r="U20" s="19"/>
      <c r="V20" s="112"/>
      <c r="W20" s="19"/>
      <c r="X20" s="17"/>
      <c r="Y20" s="19"/>
      <c r="Z20" s="17"/>
      <c r="AA20" s="19"/>
      <c r="AB20" s="52"/>
      <c r="AC20" s="125"/>
      <c r="AD20" s="52"/>
      <c r="AE20" s="19"/>
    </row>
    <row r="21" spans="1:31" ht="15" thickBot="1" x14ac:dyDescent="0.35">
      <c r="A21" s="22" t="s">
        <v>120</v>
      </c>
      <c r="B21" s="40" t="s">
        <v>172</v>
      </c>
      <c r="C21" s="40" t="s">
        <v>156</v>
      </c>
      <c r="D21" s="41"/>
      <c r="E21" s="42"/>
      <c r="F21" s="41"/>
      <c r="G21" s="43"/>
      <c r="H21" s="41"/>
      <c r="I21" s="50"/>
      <c r="J21" s="53"/>
      <c r="K21" s="19"/>
      <c r="L21" s="52"/>
      <c r="M21" s="19"/>
      <c r="N21" s="53" t="s">
        <v>40</v>
      </c>
      <c r="O21" s="19"/>
      <c r="P21" s="52"/>
      <c r="Q21" s="19"/>
      <c r="R21" s="52"/>
      <c r="S21" s="19"/>
      <c r="T21" s="52"/>
      <c r="U21" s="19"/>
      <c r="V21" s="112"/>
      <c r="W21" s="19"/>
      <c r="X21" s="17"/>
      <c r="Y21" s="19"/>
      <c r="Z21" s="17"/>
      <c r="AA21" s="19"/>
      <c r="AB21" s="52"/>
      <c r="AC21" s="125"/>
      <c r="AD21" s="52"/>
      <c r="AE21" s="19"/>
    </row>
    <row r="22" spans="1:31" ht="15" thickBot="1" x14ac:dyDescent="0.35">
      <c r="A22" s="22" t="s">
        <v>120</v>
      </c>
      <c r="B22" s="40" t="s">
        <v>128</v>
      </c>
      <c r="C22" s="40" t="s">
        <v>129</v>
      </c>
      <c r="D22" s="41"/>
      <c r="E22" s="42"/>
      <c r="F22" s="41"/>
      <c r="G22" s="43"/>
      <c r="H22" s="41"/>
      <c r="I22" s="50"/>
      <c r="J22" s="53" t="s">
        <v>130</v>
      </c>
      <c r="K22" s="19"/>
      <c r="L22" s="52"/>
      <c r="M22" s="19"/>
      <c r="N22" s="52"/>
      <c r="O22" s="19"/>
      <c r="P22" s="52"/>
      <c r="Q22" s="19"/>
      <c r="R22" s="52"/>
      <c r="S22" s="19"/>
      <c r="T22" s="52"/>
      <c r="U22" s="19"/>
      <c r="V22" s="112"/>
      <c r="W22" s="19"/>
      <c r="X22" s="17"/>
      <c r="Y22" s="19"/>
      <c r="Z22" s="17"/>
      <c r="AA22" s="19"/>
      <c r="AB22" s="52"/>
      <c r="AC22" s="125"/>
      <c r="AD22" s="52"/>
      <c r="AE22" s="19"/>
    </row>
    <row r="23" spans="1:31" ht="15" thickBot="1" x14ac:dyDescent="0.35">
      <c r="A23" s="22" t="s">
        <v>120</v>
      </c>
      <c r="B23" s="40" t="s">
        <v>242</v>
      </c>
      <c r="C23" s="40" t="s">
        <v>43</v>
      </c>
      <c r="D23" s="41"/>
      <c r="E23" s="42"/>
      <c r="F23" s="41"/>
      <c r="G23" s="43"/>
      <c r="H23" s="41"/>
      <c r="I23" s="50"/>
      <c r="J23" s="53"/>
      <c r="K23" s="19"/>
      <c r="L23" s="52"/>
      <c r="M23" s="19"/>
      <c r="N23" s="52"/>
      <c r="O23" s="19"/>
      <c r="P23" s="52"/>
      <c r="Q23" s="19"/>
      <c r="R23" s="52"/>
      <c r="S23" s="19"/>
      <c r="T23" s="53" t="s">
        <v>56</v>
      </c>
      <c r="U23" s="19"/>
      <c r="V23" s="112"/>
      <c r="W23" s="19"/>
      <c r="X23" s="17"/>
      <c r="Y23" s="19"/>
      <c r="Z23" s="17"/>
      <c r="AA23" s="19"/>
      <c r="AB23" s="52"/>
      <c r="AC23" s="125"/>
      <c r="AD23" s="52"/>
      <c r="AE23" s="19"/>
    </row>
    <row r="24" spans="1:31" ht="15" thickBot="1" x14ac:dyDescent="0.35">
      <c r="A24" s="22" t="s">
        <v>120</v>
      </c>
      <c r="B24" s="40" t="s">
        <v>240</v>
      </c>
      <c r="C24" s="40" t="s">
        <v>72</v>
      </c>
      <c r="D24" s="41"/>
      <c r="E24" s="42"/>
      <c r="F24" s="41"/>
      <c r="G24" s="43"/>
      <c r="H24" s="41"/>
      <c r="I24" s="50"/>
      <c r="J24" s="53"/>
      <c r="K24" s="19"/>
      <c r="L24" s="52"/>
      <c r="M24" s="19"/>
      <c r="N24" s="52"/>
      <c r="O24" s="19"/>
      <c r="P24" s="52"/>
      <c r="Q24" s="19"/>
      <c r="R24" s="52"/>
      <c r="S24" s="19"/>
      <c r="T24" s="53" t="s">
        <v>241</v>
      </c>
      <c r="U24" s="19"/>
      <c r="V24" s="112"/>
      <c r="W24" s="19"/>
      <c r="X24" s="17"/>
      <c r="Y24" s="19"/>
      <c r="Z24" s="17"/>
      <c r="AA24" s="19"/>
      <c r="AB24" s="52"/>
      <c r="AC24" s="125"/>
      <c r="AD24" s="52"/>
      <c r="AE24" s="19"/>
    </row>
    <row r="25" spans="1:31" ht="15" thickBot="1" x14ac:dyDescent="0.35">
      <c r="A25" s="22" t="s">
        <v>120</v>
      </c>
      <c r="B25" s="40" t="s">
        <v>243</v>
      </c>
      <c r="C25" s="40" t="s">
        <v>244</v>
      </c>
      <c r="D25" s="41"/>
      <c r="E25" s="42"/>
      <c r="F25" s="41"/>
      <c r="G25" s="43"/>
      <c r="H25" s="41"/>
      <c r="I25" s="50"/>
      <c r="J25" s="53"/>
      <c r="K25" s="19"/>
      <c r="L25" s="52"/>
      <c r="M25" s="19"/>
      <c r="N25" s="52"/>
      <c r="O25" s="19"/>
      <c r="P25" s="52"/>
      <c r="Q25" s="19"/>
      <c r="R25" s="52"/>
      <c r="S25" s="19"/>
      <c r="T25" s="53" t="s">
        <v>41</v>
      </c>
      <c r="U25" s="19"/>
      <c r="V25" s="112"/>
      <c r="W25" s="19"/>
      <c r="X25" s="17"/>
      <c r="Y25" s="19"/>
      <c r="Z25" s="17"/>
      <c r="AA25" s="19"/>
      <c r="AB25" s="52"/>
      <c r="AC25" s="125"/>
      <c r="AD25" s="52"/>
      <c r="AE25" s="19"/>
    </row>
    <row r="26" spans="1:31" ht="15" thickBot="1" x14ac:dyDescent="0.35">
      <c r="A26" s="22" t="s">
        <v>120</v>
      </c>
      <c r="B26" s="40" t="s">
        <v>90</v>
      </c>
      <c r="C26" s="40" t="s">
        <v>53</v>
      </c>
      <c r="D26" s="41"/>
      <c r="E26" s="42"/>
      <c r="F26" s="41"/>
      <c r="G26" s="43"/>
      <c r="H26" s="41"/>
      <c r="I26" s="50"/>
      <c r="J26" s="53"/>
      <c r="K26" s="19"/>
      <c r="L26" s="52"/>
      <c r="M26" s="19"/>
      <c r="N26" s="52"/>
      <c r="O26" s="19"/>
      <c r="P26" s="52"/>
      <c r="Q26" s="19"/>
      <c r="R26" s="52"/>
      <c r="S26" s="19"/>
      <c r="T26" s="53" t="s">
        <v>40</v>
      </c>
      <c r="U26" s="19"/>
      <c r="V26" s="112"/>
      <c r="W26" s="19"/>
      <c r="X26" s="16" t="s">
        <v>41</v>
      </c>
      <c r="Y26" s="19"/>
      <c r="Z26" s="17"/>
      <c r="AA26" s="19"/>
      <c r="AB26" s="52"/>
      <c r="AC26" s="125"/>
      <c r="AD26" s="52"/>
      <c r="AE26" s="19"/>
    </row>
    <row r="27" spans="1:31" ht="15" thickBot="1" x14ac:dyDescent="0.35">
      <c r="A27" s="22" t="s">
        <v>120</v>
      </c>
      <c r="B27" s="40" t="s">
        <v>274</v>
      </c>
      <c r="C27" s="40" t="s">
        <v>43</v>
      </c>
      <c r="D27" s="41"/>
      <c r="E27" s="42"/>
      <c r="F27" s="41"/>
      <c r="G27" s="43"/>
      <c r="H27" s="41"/>
      <c r="I27" s="50"/>
      <c r="J27" s="53"/>
      <c r="K27" s="19"/>
      <c r="L27" s="52"/>
      <c r="M27" s="19"/>
      <c r="N27" s="52"/>
      <c r="O27" s="19"/>
      <c r="P27" s="52"/>
      <c r="Q27" s="19"/>
      <c r="R27" s="52"/>
      <c r="S27" s="19"/>
      <c r="T27" s="53"/>
      <c r="U27" s="19"/>
      <c r="V27" s="112"/>
      <c r="W27" s="19"/>
      <c r="X27" s="16" t="s">
        <v>238</v>
      </c>
      <c r="Y27" s="19"/>
      <c r="Z27" s="17"/>
      <c r="AA27" s="19"/>
      <c r="AB27" s="52"/>
      <c r="AC27" s="125"/>
      <c r="AD27" s="52"/>
      <c r="AE27" s="19"/>
    </row>
    <row r="28" spans="1:31" ht="15" thickBot="1" x14ac:dyDescent="0.35">
      <c r="A28" s="22" t="s">
        <v>120</v>
      </c>
      <c r="B28" s="29" t="s">
        <v>93</v>
      </c>
      <c r="C28" s="29" t="s">
        <v>94</v>
      </c>
      <c r="D28" s="32"/>
      <c r="E28" s="31"/>
      <c r="F28" s="32"/>
      <c r="G28" s="34" t="s">
        <v>103</v>
      </c>
      <c r="H28" s="32"/>
      <c r="I28" s="49"/>
      <c r="J28" s="52"/>
      <c r="K28" s="19"/>
      <c r="L28" s="52"/>
      <c r="M28" s="19"/>
      <c r="N28" s="53" t="s">
        <v>169</v>
      </c>
      <c r="O28" s="19"/>
      <c r="P28" s="52"/>
      <c r="Q28" s="19"/>
      <c r="R28" s="52"/>
      <c r="S28" s="19"/>
      <c r="T28" s="52"/>
      <c r="U28" s="19"/>
      <c r="V28" s="112"/>
      <c r="W28" s="19"/>
      <c r="X28" s="17"/>
      <c r="Y28" s="19"/>
      <c r="Z28" s="17"/>
      <c r="AA28" s="19"/>
      <c r="AB28" s="52"/>
      <c r="AC28" s="125"/>
      <c r="AD28" s="52"/>
      <c r="AE28" s="19"/>
    </row>
    <row r="29" spans="1:31" x14ac:dyDescent="0.3">
      <c r="A29" s="22" t="s">
        <v>7</v>
      </c>
      <c r="B29" s="23" t="s">
        <v>58</v>
      </c>
      <c r="C29" s="23" t="s">
        <v>59</v>
      </c>
      <c r="D29" s="26"/>
      <c r="E29" s="25"/>
      <c r="F29" s="24" t="s">
        <v>76</v>
      </c>
      <c r="G29" s="25"/>
      <c r="H29" s="26"/>
      <c r="I29" s="45"/>
      <c r="J29" s="52"/>
      <c r="K29" s="19"/>
      <c r="L29" s="53" t="s">
        <v>164</v>
      </c>
      <c r="M29" s="19"/>
      <c r="N29" s="52"/>
      <c r="O29" s="19"/>
      <c r="P29" s="52"/>
      <c r="Q29" s="19"/>
      <c r="R29" s="52"/>
      <c r="S29" s="19"/>
      <c r="T29" s="52"/>
      <c r="U29" s="19"/>
      <c r="V29" s="112"/>
      <c r="W29" s="19"/>
      <c r="X29" s="17"/>
      <c r="Y29" s="19"/>
      <c r="Z29" s="17"/>
      <c r="AA29" s="19"/>
      <c r="AB29" s="52"/>
      <c r="AC29" s="125"/>
      <c r="AD29" s="52"/>
      <c r="AE29" s="19"/>
    </row>
    <row r="30" spans="1:31" x14ac:dyDescent="0.3">
      <c r="A30" s="27" t="s">
        <v>7</v>
      </c>
      <c r="B30" s="15" t="s">
        <v>60</v>
      </c>
      <c r="C30" s="15" t="s">
        <v>25</v>
      </c>
      <c r="D30" s="17"/>
      <c r="E30" s="19"/>
      <c r="F30" s="16" t="s">
        <v>77</v>
      </c>
      <c r="G30" s="19"/>
      <c r="H30" s="17"/>
      <c r="I30" s="47" t="s">
        <v>117</v>
      </c>
      <c r="J30" s="52"/>
      <c r="K30" s="19"/>
      <c r="L30" s="52"/>
      <c r="M30" s="19"/>
      <c r="N30" s="52"/>
      <c r="O30" s="19"/>
      <c r="P30" s="52"/>
      <c r="Q30" s="19"/>
      <c r="R30" s="52"/>
      <c r="S30" s="19"/>
      <c r="T30" s="52"/>
      <c r="U30" s="19"/>
      <c r="V30" s="114" t="s">
        <v>117</v>
      </c>
      <c r="W30" s="19"/>
      <c r="X30" s="17"/>
      <c r="Y30" s="20" t="s">
        <v>149</v>
      </c>
      <c r="Z30" s="17"/>
      <c r="AA30" s="19"/>
      <c r="AB30" s="52"/>
      <c r="AC30" s="125"/>
      <c r="AD30" s="52"/>
      <c r="AE30" s="19"/>
    </row>
    <row r="31" spans="1:31" x14ac:dyDescent="0.3">
      <c r="A31" s="27" t="s">
        <v>7</v>
      </c>
      <c r="B31" s="15" t="s">
        <v>61</v>
      </c>
      <c r="C31" s="15" t="s">
        <v>62</v>
      </c>
      <c r="D31" s="17"/>
      <c r="E31" s="19"/>
      <c r="F31" s="16" t="s">
        <v>78</v>
      </c>
      <c r="G31" s="19"/>
      <c r="H31" s="17"/>
      <c r="I31" s="46"/>
      <c r="J31" s="52"/>
      <c r="K31" s="19"/>
      <c r="L31" s="53" t="s">
        <v>153</v>
      </c>
      <c r="M31" s="19"/>
      <c r="N31" s="52"/>
      <c r="O31" s="19"/>
      <c r="P31" s="52"/>
      <c r="Q31" s="19"/>
      <c r="R31" s="52"/>
      <c r="S31" s="19"/>
      <c r="T31" s="52"/>
      <c r="U31" s="19"/>
      <c r="V31" s="114" t="s">
        <v>255</v>
      </c>
      <c r="W31" s="19"/>
      <c r="X31" s="17"/>
      <c r="Y31" s="20" t="s">
        <v>282</v>
      </c>
      <c r="Z31" s="17"/>
      <c r="AA31" s="19"/>
      <c r="AB31" s="52"/>
      <c r="AC31" s="125"/>
      <c r="AD31" s="52"/>
      <c r="AE31" s="19"/>
    </row>
    <row r="32" spans="1:31" x14ac:dyDescent="0.3">
      <c r="A32" s="27" t="s">
        <v>7</v>
      </c>
      <c r="B32" s="15" t="s">
        <v>66</v>
      </c>
      <c r="C32" s="15" t="s">
        <v>67</v>
      </c>
      <c r="D32" s="17"/>
      <c r="E32" s="19"/>
      <c r="F32" s="16" t="s">
        <v>80</v>
      </c>
      <c r="G32" s="19"/>
      <c r="H32" s="17"/>
      <c r="I32" s="46"/>
      <c r="J32" s="52"/>
      <c r="K32" s="19"/>
      <c r="L32" s="53" t="s">
        <v>163</v>
      </c>
      <c r="M32" s="19"/>
      <c r="N32" s="52"/>
      <c r="O32" s="19"/>
      <c r="P32" s="52"/>
      <c r="Q32" s="19"/>
      <c r="R32" s="52"/>
      <c r="S32" s="19"/>
      <c r="T32" s="52"/>
      <c r="U32" s="19"/>
      <c r="V32" s="112"/>
      <c r="W32" s="19"/>
      <c r="X32" s="17"/>
      <c r="Y32" s="19"/>
      <c r="Z32" s="17"/>
      <c r="AA32" s="19"/>
      <c r="AB32" s="52"/>
      <c r="AC32" s="125"/>
      <c r="AD32" s="52"/>
      <c r="AE32" s="19"/>
    </row>
    <row r="33" spans="1:31" x14ac:dyDescent="0.3">
      <c r="A33" s="27" t="s">
        <v>7</v>
      </c>
      <c r="B33" s="15" t="s">
        <v>69</v>
      </c>
      <c r="C33" s="15" t="s">
        <v>70</v>
      </c>
      <c r="D33" s="17"/>
      <c r="E33" s="19"/>
      <c r="F33" s="16" t="s">
        <v>81</v>
      </c>
      <c r="G33" s="19"/>
      <c r="H33" s="17"/>
      <c r="I33" s="46"/>
      <c r="J33" s="52"/>
      <c r="K33" s="19"/>
      <c r="L33" s="52"/>
      <c r="M33" s="19"/>
      <c r="N33" s="52"/>
      <c r="O33" s="19"/>
      <c r="P33" s="52"/>
      <c r="Q33" s="19"/>
      <c r="R33" s="52"/>
      <c r="S33" s="19"/>
      <c r="T33" s="52"/>
      <c r="U33" s="19"/>
      <c r="V33" s="112"/>
      <c r="W33" s="19"/>
      <c r="X33" s="17"/>
      <c r="Y33" s="19"/>
      <c r="Z33" s="17"/>
      <c r="AA33" s="19"/>
      <c r="AB33" s="52"/>
      <c r="AC33" s="125"/>
      <c r="AD33" s="52"/>
      <c r="AE33" s="19"/>
    </row>
    <row r="34" spans="1:31" x14ac:dyDescent="0.3">
      <c r="A34" s="27" t="s">
        <v>7</v>
      </c>
      <c r="B34" s="15" t="s">
        <v>71</v>
      </c>
      <c r="C34" s="15" t="s">
        <v>72</v>
      </c>
      <c r="D34" s="17"/>
      <c r="E34" s="19"/>
      <c r="F34" s="16" t="s">
        <v>82</v>
      </c>
      <c r="G34" s="19"/>
      <c r="H34" s="17"/>
      <c r="I34" s="47" t="s">
        <v>118</v>
      </c>
      <c r="J34" s="52"/>
      <c r="K34" s="19"/>
      <c r="L34" s="52"/>
      <c r="M34" s="19"/>
      <c r="N34" s="52"/>
      <c r="O34" s="19"/>
      <c r="P34" s="52"/>
      <c r="Q34" s="19"/>
      <c r="R34" s="52"/>
      <c r="S34" s="19"/>
      <c r="T34" s="52"/>
      <c r="U34" s="19"/>
      <c r="V34" s="112"/>
      <c r="W34" s="19"/>
      <c r="X34" s="17"/>
      <c r="Y34" s="19"/>
      <c r="Z34" s="17"/>
      <c r="AA34" s="19"/>
      <c r="AB34" s="52"/>
      <c r="AC34" s="125"/>
      <c r="AD34" s="52"/>
      <c r="AE34" s="19"/>
    </row>
    <row r="35" spans="1:31" x14ac:dyDescent="0.3">
      <c r="A35" s="27" t="s">
        <v>7</v>
      </c>
      <c r="B35" s="15" t="s">
        <v>74</v>
      </c>
      <c r="C35" s="15" t="s">
        <v>75</v>
      </c>
      <c r="D35" s="17"/>
      <c r="E35" s="19"/>
      <c r="F35" s="16"/>
      <c r="G35" s="19"/>
      <c r="H35" s="17"/>
      <c r="I35" s="46"/>
      <c r="J35" s="52"/>
      <c r="K35" s="19"/>
      <c r="L35" s="52"/>
      <c r="M35" s="19"/>
      <c r="N35" s="52"/>
      <c r="O35" s="19"/>
      <c r="P35" s="52"/>
      <c r="Q35" s="19"/>
      <c r="R35" s="52"/>
      <c r="S35" s="19"/>
      <c r="T35" s="52"/>
      <c r="U35" s="19"/>
      <c r="V35" s="114" t="s">
        <v>254</v>
      </c>
      <c r="W35" s="19"/>
      <c r="X35" s="17"/>
      <c r="Y35" s="19"/>
      <c r="Z35" s="17"/>
      <c r="AA35" s="19"/>
      <c r="AB35" s="52"/>
      <c r="AC35" s="125"/>
      <c r="AD35" s="52"/>
      <c r="AE35" s="19"/>
    </row>
    <row r="36" spans="1:31" x14ac:dyDescent="0.3">
      <c r="A36" s="27" t="s">
        <v>7</v>
      </c>
      <c r="B36" s="40" t="s">
        <v>230</v>
      </c>
      <c r="C36" s="40" t="s">
        <v>25</v>
      </c>
      <c r="D36" s="41"/>
      <c r="E36" s="42"/>
      <c r="F36" s="55"/>
      <c r="G36" s="42"/>
      <c r="H36" s="41"/>
      <c r="I36" s="50"/>
      <c r="J36" s="52"/>
      <c r="K36" s="19"/>
      <c r="L36" s="52"/>
      <c r="M36" s="19"/>
      <c r="N36" s="52"/>
      <c r="O36" s="19"/>
      <c r="P36" s="52"/>
      <c r="Q36" s="19"/>
      <c r="R36" s="52"/>
      <c r="S36" s="20" t="s">
        <v>232</v>
      </c>
      <c r="T36" s="52"/>
      <c r="U36" s="19"/>
      <c r="V36" s="112"/>
      <c r="W36" s="19"/>
      <c r="X36" s="17"/>
      <c r="Y36" s="20" t="s">
        <v>55</v>
      </c>
      <c r="Z36" s="17"/>
      <c r="AA36" s="19"/>
      <c r="AB36" s="52"/>
      <c r="AC36" s="125"/>
      <c r="AD36" s="52"/>
      <c r="AE36" s="19"/>
    </row>
    <row r="37" spans="1:31" x14ac:dyDescent="0.3">
      <c r="A37" s="27" t="s">
        <v>7</v>
      </c>
      <c r="B37" s="40" t="s">
        <v>231</v>
      </c>
      <c r="C37" s="40" t="s">
        <v>31</v>
      </c>
      <c r="D37" s="41"/>
      <c r="E37" s="42"/>
      <c r="F37" s="55"/>
      <c r="G37" s="42"/>
      <c r="H37" s="41"/>
      <c r="I37" s="50"/>
      <c r="J37" s="52"/>
      <c r="K37" s="19"/>
      <c r="L37" s="52"/>
      <c r="M37" s="19"/>
      <c r="N37" s="52"/>
      <c r="O37" s="19"/>
      <c r="P37" s="52"/>
      <c r="Q37" s="19"/>
      <c r="R37" s="52"/>
      <c r="S37" s="20" t="s">
        <v>256</v>
      </c>
      <c r="T37" s="52"/>
      <c r="U37" s="19"/>
      <c r="V37" s="114" t="s">
        <v>257</v>
      </c>
      <c r="W37" s="19"/>
      <c r="X37" s="17"/>
      <c r="Y37" s="19"/>
      <c r="Z37" s="17"/>
      <c r="AA37" s="19"/>
      <c r="AB37" s="52"/>
      <c r="AC37" s="125"/>
      <c r="AD37" s="52"/>
      <c r="AE37" s="19"/>
    </row>
    <row r="38" spans="1:31" ht="15" thickBot="1" x14ac:dyDescent="0.35">
      <c r="A38" s="28" t="s">
        <v>7</v>
      </c>
      <c r="B38" s="29" t="s">
        <v>113</v>
      </c>
      <c r="C38" s="29" t="s">
        <v>53</v>
      </c>
      <c r="D38" s="32"/>
      <c r="E38" s="31"/>
      <c r="F38" s="32"/>
      <c r="G38" s="31"/>
      <c r="H38" s="32"/>
      <c r="I38" s="48" t="s">
        <v>114</v>
      </c>
      <c r="J38" s="52"/>
      <c r="K38" s="19"/>
      <c r="L38" s="53" t="s">
        <v>78</v>
      </c>
      <c r="M38" s="19"/>
      <c r="N38" s="52"/>
      <c r="O38" s="19"/>
      <c r="P38" s="52"/>
      <c r="Q38" s="19"/>
      <c r="R38" s="52"/>
      <c r="S38" s="19"/>
      <c r="T38" s="52"/>
      <c r="U38" s="19"/>
      <c r="V38" s="114" t="s">
        <v>77</v>
      </c>
      <c r="W38" s="19"/>
      <c r="X38" s="17"/>
      <c r="Y38" s="19"/>
      <c r="Z38" s="17"/>
      <c r="AA38" s="19"/>
      <c r="AB38" s="52"/>
      <c r="AC38" s="125"/>
      <c r="AD38" s="52"/>
      <c r="AE38" s="19"/>
    </row>
    <row r="39" spans="1:31" x14ac:dyDescent="0.3">
      <c r="A39" s="22" t="s">
        <v>14</v>
      </c>
      <c r="B39" s="23" t="s">
        <v>63</v>
      </c>
      <c r="C39" s="23" t="s">
        <v>64</v>
      </c>
      <c r="D39" s="26"/>
      <c r="E39" s="25"/>
      <c r="F39" s="24" t="s">
        <v>57</v>
      </c>
      <c r="G39" s="25"/>
      <c r="H39" s="26"/>
      <c r="I39" s="45"/>
      <c r="J39" s="52"/>
      <c r="K39" s="19"/>
      <c r="L39" s="52"/>
      <c r="M39" s="19"/>
      <c r="N39" s="52"/>
      <c r="O39" s="19"/>
      <c r="P39" s="52"/>
      <c r="Q39" s="19"/>
      <c r="R39" s="52"/>
      <c r="S39" s="19"/>
      <c r="T39" s="52"/>
      <c r="U39" s="19"/>
      <c r="V39" s="112"/>
      <c r="W39" s="19"/>
      <c r="X39" s="17"/>
      <c r="Y39" s="19"/>
      <c r="Z39" s="17"/>
      <c r="AA39" s="19"/>
      <c r="AB39" s="52"/>
      <c r="AC39" s="125"/>
      <c r="AD39" s="52"/>
      <c r="AE39" s="19"/>
    </row>
    <row r="40" spans="1:31" x14ac:dyDescent="0.3">
      <c r="A40" s="56" t="s">
        <v>14</v>
      </c>
      <c r="B40" s="57" t="s">
        <v>142</v>
      </c>
      <c r="C40" s="57" t="s">
        <v>143</v>
      </c>
      <c r="D40" s="58"/>
      <c r="E40" s="59"/>
      <c r="F40" s="62"/>
      <c r="G40" s="59"/>
      <c r="H40" s="58"/>
      <c r="I40" s="61"/>
      <c r="J40" s="52"/>
      <c r="K40" s="20" t="s">
        <v>144</v>
      </c>
      <c r="L40" s="52"/>
      <c r="M40" s="19"/>
      <c r="N40" s="53" t="s">
        <v>170</v>
      </c>
      <c r="O40" s="19"/>
      <c r="P40" s="52"/>
      <c r="Q40" s="19"/>
      <c r="R40" s="52"/>
      <c r="S40" s="19"/>
      <c r="T40" s="52"/>
      <c r="U40" s="19"/>
      <c r="V40" s="112"/>
      <c r="W40" s="19"/>
      <c r="X40" s="17"/>
      <c r="Y40" s="19"/>
      <c r="Z40" s="17"/>
      <c r="AA40" s="19"/>
      <c r="AB40" s="52"/>
      <c r="AC40" s="125"/>
      <c r="AD40" s="52"/>
      <c r="AE40" s="19"/>
    </row>
    <row r="41" spans="1:31" x14ac:dyDescent="0.3">
      <c r="A41" s="27" t="s">
        <v>14</v>
      </c>
      <c r="B41" s="15" t="s">
        <v>65</v>
      </c>
      <c r="C41" s="15" t="s">
        <v>53</v>
      </c>
      <c r="D41" s="17"/>
      <c r="E41" s="19"/>
      <c r="F41" s="16" t="s">
        <v>79</v>
      </c>
      <c r="G41" s="19"/>
      <c r="H41" s="17"/>
      <c r="I41" s="46"/>
      <c r="J41" s="52"/>
      <c r="K41" s="20" t="s">
        <v>57</v>
      </c>
      <c r="L41" s="52"/>
      <c r="M41" s="19"/>
      <c r="N41" s="53" t="s">
        <v>38</v>
      </c>
      <c r="O41" s="19"/>
      <c r="P41" s="52"/>
      <c r="Q41" s="19"/>
      <c r="R41" s="52"/>
      <c r="S41" s="19"/>
      <c r="T41" s="52"/>
      <c r="U41" s="19"/>
      <c r="V41" s="112"/>
      <c r="W41" s="19"/>
      <c r="X41" s="17"/>
      <c r="Y41" s="19"/>
      <c r="Z41" s="17"/>
      <c r="AA41" s="19"/>
      <c r="AB41" s="52"/>
      <c r="AC41" s="125"/>
      <c r="AD41" s="52"/>
      <c r="AE41" s="19"/>
    </row>
    <row r="42" spans="1:31" x14ac:dyDescent="0.3">
      <c r="A42" s="27" t="s">
        <v>14</v>
      </c>
      <c r="B42" s="15" t="s">
        <v>68</v>
      </c>
      <c r="C42" s="15" t="s">
        <v>25</v>
      </c>
      <c r="D42" s="17"/>
      <c r="E42" s="19"/>
      <c r="F42" s="16" t="s">
        <v>38</v>
      </c>
      <c r="G42" s="19"/>
      <c r="H42" s="17"/>
      <c r="I42" s="46"/>
      <c r="J42" s="52"/>
      <c r="K42" s="20" t="s">
        <v>147</v>
      </c>
      <c r="L42" s="52"/>
      <c r="M42" s="19"/>
      <c r="N42" s="52"/>
      <c r="O42" s="19"/>
      <c r="P42" s="52"/>
      <c r="Q42" s="19"/>
      <c r="R42" s="53" t="s">
        <v>225</v>
      </c>
      <c r="S42" s="19"/>
      <c r="T42" s="52"/>
      <c r="U42" s="20" t="s">
        <v>78</v>
      </c>
      <c r="V42" s="112"/>
      <c r="W42" s="19"/>
      <c r="X42" s="17"/>
      <c r="Y42" s="19"/>
      <c r="Z42" s="17"/>
      <c r="AA42" s="19"/>
      <c r="AB42" s="52"/>
      <c r="AC42" s="125"/>
      <c r="AD42" s="52"/>
      <c r="AE42" s="19"/>
    </row>
    <row r="43" spans="1:31" x14ac:dyDescent="0.3">
      <c r="A43" s="54" t="s">
        <v>14</v>
      </c>
      <c r="B43" s="40" t="s">
        <v>148</v>
      </c>
      <c r="C43" s="40" t="s">
        <v>67</v>
      </c>
      <c r="D43" s="41"/>
      <c r="E43" s="42"/>
      <c r="F43" s="55"/>
      <c r="G43" s="42"/>
      <c r="H43" s="41"/>
      <c r="I43" s="50"/>
      <c r="J43" s="52"/>
      <c r="K43" s="20" t="s">
        <v>149</v>
      </c>
      <c r="L43" s="52"/>
      <c r="M43" s="19"/>
      <c r="N43" s="53" t="s">
        <v>54</v>
      </c>
      <c r="O43" s="19"/>
      <c r="P43" s="52"/>
      <c r="Q43" s="19"/>
      <c r="R43" s="52"/>
      <c r="S43" s="19"/>
      <c r="T43" s="52"/>
      <c r="U43" s="19"/>
      <c r="V43" s="112"/>
      <c r="W43" s="19"/>
      <c r="X43" s="17"/>
      <c r="Y43" s="19"/>
      <c r="Z43" s="17"/>
      <c r="AA43" s="19"/>
      <c r="AB43" s="52"/>
      <c r="AC43" s="125"/>
      <c r="AD43" s="52"/>
      <c r="AE43" s="19"/>
    </row>
    <row r="44" spans="1:31" x14ac:dyDescent="0.3">
      <c r="A44" s="54" t="s">
        <v>14</v>
      </c>
      <c r="B44" s="40" t="s">
        <v>171</v>
      </c>
      <c r="C44" s="40" t="s">
        <v>59</v>
      </c>
      <c r="D44" s="41"/>
      <c r="E44" s="42"/>
      <c r="F44" s="55"/>
      <c r="G44" s="42"/>
      <c r="H44" s="41"/>
      <c r="I44" s="50"/>
      <c r="J44" s="52"/>
      <c r="K44" s="20"/>
      <c r="L44" s="52"/>
      <c r="M44" s="19"/>
      <c r="N44" s="53" t="s">
        <v>77</v>
      </c>
      <c r="O44" s="19"/>
      <c r="P44" s="52"/>
      <c r="Q44" s="19"/>
      <c r="R44" s="52"/>
      <c r="S44" s="19"/>
      <c r="T44" s="52"/>
      <c r="U44" s="19"/>
      <c r="V44" s="112"/>
      <c r="W44" s="19"/>
      <c r="X44" s="17"/>
      <c r="Y44" s="19"/>
      <c r="Z44" s="17"/>
      <c r="AA44" s="19"/>
      <c r="AB44" s="52"/>
      <c r="AC44" s="125"/>
      <c r="AD44" s="52"/>
      <c r="AE44" s="19"/>
    </row>
    <row r="45" spans="1:31" x14ac:dyDescent="0.3">
      <c r="A45" s="54" t="s">
        <v>14</v>
      </c>
      <c r="B45" s="40" t="s">
        <v>134</v>
      </c>
      <c r="C45" s="40" t="s">
        <v>47</v>
      </c>
      <c r="D45" s="41"/>
      <c r="E45" s="42"/>
      <c r="F45" s="55"/>
      <c r="G45" s="42"/>
      <c r="H45" s="41"/>
      <c r="I45" s="50"/>
      <c r="J45" s="52"/>
      <c r="K45" s="20" t="s">
        <v>135</v>
      </c>
      <c r="L45" s="52"/>
      <c r="M45" s="19"/>
      <c r="N45" s="52"/>
      <c r="O45" s="19"/>
      <c r="P45" s="52"/>
      <c r="Q45" s="19"/>
      <c r="R45" s="53" t="s">
        <v>117</v>
      </c>
      <c r="S45" s="19"/>
      <c r="T45" s="52"/>
      <c r="U45" s="19"/>
      <c r="V45" s="112"/>
      <c r="W45" s="19"/>
      <c r="X45" s="17"/>
      <c r="Y45" s="19"/>
      <c r="Z45" s="17"/>
      <c r="AA45" s="19"/>
      <c r="AB45" s="52"/>
      <c r="AC45" s="125"/>
      <c r="AD45" s="52"/>
      <c r="AE45" s="19"/>
    </row>
    <row r="46" spans="1:31" x14ac:dyDescent="0.3">
      <c r="A46" s="54" t="s">
        <v>14</v>
      </c>
      <c r="B46" s="40" t="s">
        <v>226</v>
      </c>
      <c r="C46" s="40" t="s">
        <v>28</v>
      </c>
      <c r="D46" s="41"/>
      <c r="E46" s="42"/>
      <c r="F46" s="55"/>
      <c r="G46" s="42"/>
      <c r="H46" s="41"/>
      <c r="I46" s="50"/>
      <c r="J46" s="52"/>
      <c r="K46" s="20"/>
      <c r="L46" s="52"/>
      <c r="M46" s="19"/>
      <c r="N46" s="52"/>
      <c r="O46" s="19"/>
      <c r="P46" s="52"/>
      <c r="Q46" s="19"/>
      <c r="R46" s="53" t="s">
        <v>163</v>
      </c>
      <c r="S46" s="19"/>
      <c r="T46" s="52"/>
      <c r="U46" s="19"/>
      <c r="V46" s="112"/>
      <c r="W46" s="19"/>
      <c r="X46" s="17"/>
      <c r="Y46" s="19"/>
      <c r="Z46" s="17"/>
      <c r="AA46" s="19"/>
      <c r="AB46" s="52"/>
      <c r="AC46" s="125"/>
      <c r="AD46" s="52"/>
      <c r="AE46" s="19"/>
    </row>
    <row r="47" spans="1:31" x14ac:dyDescent="0.3">
      <c r="A47" s="54" t="s">
        <v>14</v>
      </c>
      <c r="B47" s="40" t="s">
        <v>223</v>
      </c>
      <c r="C47" s="40" t="s">
        <v>67</v>
      </c>
      <c r="D47" s="41"/>
      <c r="E47" s="42"/>
      <c r="F47" s="55"/>
      <c r="G47" s="42"/>
      <c r="H47" s="41"/>
      <c r="I47" s="50"/>
      <c r="J47" s="52"/>
      <c r="K47" s="20"/>
      <c r="L47" s="52"/>
      <c r="M47" s="19"/>
      <c r="N47" s="52"/>
      <c r="O47" s="19"/>
      <c r="P47" s="52"/>
      <c r="Q47" s="19"/>
      <c r="R47" s="53" t="s">
        <v>224</v>
      </c>
      <c r="S47" s="19"/>
      <c r="T47" s="52"/>
      <c r="U47" s="19"/>
      <c r="V47" s="112"/>
      <c r="W47" s="19"/>
      <c r="X47" s="17"/>
      <c r="Y47" s="19"/>
      <c r="Z47" s="17"/>
      <c r="AA47" s="19"/>
      <c r="AB47" s="52"/>
      <c r="AC47" s="125"/>
      <c r="AD47" s="52"/>
      <c r="AE47" s="19"/>
    </row>
    <row r="48" spans="1:31" x14ac:dyDescent="0.3">
      <c r="A48" s="54" t="s">
        <v>14</v>
      </c>
      <c r="B48" s="40" t="s">
        <v>284</v>
      </c>
      <c r="C48" s="40" t="s">
        <v>285</v>
      </c>
      <c r="D48" s="41"/>
      <c r="E48" s="42"/>
      <c r="F48" s="55"/>
      <c r="G48" s="42"/>
      <c r="H48" s="41"/>
      <c r="I48" s="50"/>
      <c r="J48" s="52"/>
      <c r="K48" s="20"/>
      <c r="L48" s="52"/>
      <c r="M48" s="19"/>
      <c r="N48" s="52"/>
      <c r="O48" s="19"/>
      <c r="P48" s="52"/>
      <c r="Q48" s="19"/>
      <c r="R48" s="53"/>
      <c r="S48" s="19"/>
      <c r="T48" s="52"/>
      <c r="U48" s="19"/>
      <c r="V48" s="112"/>
      <c r="W48" s="19"/>
      <c r="X48" s="17"/>
      <c r="Y48" s="19"/>
      <c r="Z48" s="16" t="s">
        <v>118</v>
      </c>
      <c r="AA48" s="19"/>
      <c r="AB48" s="52"/>
      <c r="AC48" s="125"/>
      <c r="AD48" s="52"/>
      <c r="AE48" s="19"/>
    </row>
    <row r="49" spans="1:31" ht="15" thickBot="1" x14ac:dyDescent="0.35">
      <c r="A49" s="28" t="s">
        <v>14</v>
      </c>
      <c r="B49" s="29" t="s">
        <v>73</v>
      </c>
      <c r="C49" s="29" t="s">
        <v>59</v>
      </c>
      <c r="D49" s="32"/>
      <c r="E49" s="31"/>
      <c r="F49" s="30" t="s">
        <v>83</v>
      </c>
      <c r="G49" s="31"/>
      <c r="H49" s="32"/>
      <c r="I49" s="49"/>
      <c r="J49" s="52"/>
      <c r="K49" s="19"/>
      <c r="L49" s="52"/>
      <c r="M49" s="19"/>
      <c r="N49" s="52"/>
      <c r="O49" s="19"/>
      <c r="P49" s="52"/>
      <c r="Q49" s="19"/>
      <c r="R49" s="52"/>
      <c r="S49" s="19"/>
      <c r="T49" s="52"/>
      <c r="U49" s="19"/>
      <c r="V49" s="112"/>
      <c r="W49" s="19"/>
      <c r="X49" s="17"/>
      <c r="Y49" s="19"/>
      <c r="Z49" s="17"/>
      <c r="AA49" s="19"/>
      <c r="AB49" s="52"/>
      <c r="AC49" s="125"/>
      <c r="AD49" s="52"/>
      <c r="AE49" s="19"/>
    </row>
    <row r="50" spans="1:31" x14ac:dyDescent="0.3">
      <c r="A50" s="22" t="s">
        <v>36</v>
      </c>
      <c r="B50" s="23" t="s">
        <v>20</v>
      </c>
      <c r="C50" s="23" t="s">
        <v>21</v>
      </c>
      <c r="D50" s="24" t="s">
        <v>35</v>
      </c>
      <c r="E50" s="25"/>
      <c r="F50" s="26"/>
      <c r="G50" s="25"/>
      <c r="H50" s="26"/>
      <c r="I50" s="45"/>
      <c r="J50" s="52"/>
      <c r="K50" s="19"/>
      <c r="L50" s="52"/>
      <c r="M50" s="19"/>
      <c r="N50" s="52"/>
      <c r="O50" s="19"/>
      <c r="P50" s="52"/>
      <c r="Q50" s="19"/>
      <c r="R50" s="53" t="s">
        <v>127</v>
      </c>
      <c r="S50" s="19"/>
      <c r="T50" s="52"/>
      <c r="U50" s="19"/>
      <c r="V50" s="114" t="s">
        <v>117</v>
      </c>
      <c r="W50" s="19"/>
      <c r="X50" s="17"/>
      <c r="Y50" s="19"/>
      <c r="Z50" s="17"/>
      <c r="AA50" s="20" t="s">
        <v>130</v>
      </c>
      <c r="AB50" s="52"/>
      <c r="AC50" s="125"/>
      <c r="AD50" s="52"/>
      <c r="AE50" s="19"/>
    </row>
    <row r="51" spans="1:31" x14ac:dyDescent="0.3">
      <c r="A51" s="27" t="s">
        <v>36</v>
      </c>
      <c r="B51" s="15" t="s">
        <v>107</v>
      </c>
      <c r="C51" s="15" t="s">
        <v>21</v>
      </c>
      <c r="D51" s="16" t="s">
        <v>38</v>
      </c>
      <c r="E51" s="19"/>
      <c r="F51" s="17"/>
      <c r="G51" s="19"/>
      <c r="H51" s="16" t="s">
        <v>77</v>
      </c>
      <c r="I51" s="46"/>
      <c r="J51" s="53" t="s">
        <v>124</v>
      </c>
      <c r="K51" s="19"/>
      <c r="L51" s="52"/>
      <c r="M51" s="19"/>
      <c r="N51" s="52"/>
      <c r="O51" s="19"/>
      <c r="P51" s="52"/>
      <c r="Q51" s="19"/>
      <c r="R51" s="53" t="s">
        <v>222</v>
      </c>
      <c r="S51" s="19"/>
      <c r="T51" s="52"/>
      <c r="U51" s="19"/>
      <c r="V51" s="112"/>
      <c r="W51" s="19"/>
      <c r="X51" s="17"/>
      <c r="Y51" s="19"/>
      <c r="Z51" s="17"/>
      <c r="AA51" s="19"/>
      <c r="AB51" s="52"/>
      <c r="AC51" s="125"/>
      <c r="AD51" s="52"/>
      <c r="AE51" s="19"/>
    </row>
    <row r="52" spans="1:31" x14ac:dyDescent="0.3">
      <c r="A52" s="27" t="s">
        <v>36</v>
      </c>
      <c r="B52" s="15" t="s">
        <v>30</v>
      </c>
      <c r="C52" s="15" t="s">
        <v>31</v>
      </c>
      <c r="D52" s="16" t="s">
        <v>41</v>
      </c>
      <c r="E52" s="19"/>
      <c r="F52" s="17"/>
      <c r="G52" s="19"/>
      <c r="H52" s="16" t="s">
        <v>108</v>
      </c>
      <c r="I52" s="46"/>
      <c r="J52" s="52"/>
      <c r="K52" s="19"/>
      <c r="L52" s="52"/>
      <c r="M52" s="19"/>
      <c r="N52" s="52"/>
      <c r="O52" s="19"/>
      <c r="P52" s="52"/>
      <c r="Q52" s="19"/>
      <c r="R52" s="52"/>
      <c r="S52" s="19"/>
      <c r="T52" s="52"/>
      <c r="U52" s="19"/>
      <c r="V52" s="112"/>
      <c r="W52" s="19"/>
      <c r="X52" s="17"/>
      <c r="Y52" s="19"/>
      <c r="Z52" s="17"/>
      <c r="AA52" s="19"/>
      <c r="AB52" s="52"/>
      <c r="AC52" s="125"/>
      <c r="AD52" s="52"/>
      <c r="AE52" s="19"/>
    </row>
    <row r="53" spans="1:31" x14ac:dyDescent="0.3">
      <c r="A53" s="27" t="s">
        <v>36</v>
      </c>
      <c r="B53" s="40" t="s">
        <v>258</v>
      </c>
      <c r="C53" s="40" t="s">
        <v>259</v>
      </c>
      <c r="D53" s="55"/>
      <c r="E53" s="42"/>
      <c r="F53" s="41"/>
      <c r="G53" s="42"/>
      <c r="H53" s="55"/>
      <c r="I53" s="50"/>
      <c r="J53" s="52"/>
      <c r="K53" s="19"/>
      <c r="L53" s="52"/>
      <c r="M53" s="19"/>
      <c r="N53" s="52"/>
      <c r="O53" s="19"/>
      <c r="P53" s="52"/>
      <c r="Q53" s="19"/>
      <c r="R53" s="52"/>
      <c r="S53" s="19"/>
      <c r="T53" s="52"/>
      <c r="U53" s="19"/>
      <c r="V53" s="114" t="s">
        <v>260</v>
      </c>
      <c r="W53" s="19"/>
      <c r="X53" s="17"/>
      <c r="Y53" s="19"/>
      <c r="Z53" s="17"/>
      <c r="AA53" s="19"/>
      <c r="AB53" s="52"/>
      <c r="AC53" s="125"/>
      <c r="AD53" s="52"/>
      <c r="AE53" s="19"/>
    </row>
    <row r="54" spans="1:31" x14ac:dyDescent="0.3">
      <c r="A54" s="27" t="s">
        <v>36</v>
      </c>
      <c r="B54" s="40" t="s">
        <v>261</v>
      </c>
      <c r="C54" s="40" t="s">
        <v>262</v>
      </c>
      <c r="D54" s="55"/>
      <c r="E54" s="42"/>
      <c r="F54" s="41"/>
      <c r="G54" s="42"/>
      <c r="H54" s="55"/>
      <c r="I54" s="50"/>
      <c r="J54" s="52"/>
      <c r="K54" s="19"/>
      <c r="L54" s="52"/>
      <c r="M54" s="19"/>
      <c r="N54" s="52"/>
      <c r="O54" s="19"/>
      <c r="P54" s="52"/>
      <c r="Q54" s="19"/>
      <c r="R54" s="52"/>
      <c r="S54" s="19"/>
      <c r="T54" s="52"/>
      <c r="U54" s="19"/>
      <c r="V54" s="114" t="s">
        <v>263</v>
      </c>
      <c r="W54" s="19"/>
      <c r="X54" s="17"/>
      <c r="Y54" s="19"/>
      <c r="Z54" s="17"/>
      <c r="AA54" s="19"/>
      <c r="AB54" s="52"/>
      <c r="AC54" s="125"/>
      <c r="AD54" s="52"/>
      <c r="AE54" s="19"/>
    </row>
    <row r="55" spans="1:31" x14ac:dyDescent="0.3">
      <c r="A55" s="27" t="s">
        <v>36</v>
      </c>
      <c r="B55" s="40" t="s">
        <v>292</v>
      </c>
      <c r="C55" s="40" t="s">
        <v>293</v>
      </c>
      <c r="D55" s="55"/>
      <c r="E55" s="42"/>
      <c r="F55" s="41"/>
      <c r="G55" s="42"/>
      <c r="H55" s="55"/>
      <c r="I55" s="50"/>
      <c r="J55" s="52"/>
      <c r="K55" s="19"/>
      <c r="L55" s="52"/>
      <c r="M55" s="19"/>
      <c r="N55" s="52"/>
      <c r="O55" s="19"/>
      <c r="P55" s="52"/>
      <c r="Q55" s="19"/>
      <c r="R55" s="52"/>
      <c r="S55" s="19"/>
      <c r="T55" s="52"/>
      <c r="U55" s="19"/>
      <c r="V55" s="114"/>
      <c r="W55" s="19"/>
      <c r="X55" s="17"/>
      <c r="Y55" s="19"/>
      <c r="Z55" s="17"/>
      <c r="AA55" s="20" t="s">
        <v>294</v>
      </c>
      <c r="AB55" s="52"/>
      <c r="AC55" s="125"/>
      <c r="AD55" s="52"/>
      <c r="AE55" s="19"/>
    </row>
    <row r="56" spans="1:31" x14ac:dyDescent="0.3">
      <c r="A56" s="27" t="s">
        <v>36</v>
      </c>
      <c r="B56" s="40" t="s">
        <v>295</v>
      </c>
      <c r="C56" s="40" t="s">
        <v>244</v>
      </c>
      <c r="D56" s="55"/>
      <c r="E56" s="42"/>
      <c r="F56" s="41"/>
      <c r="G56" s="42"/>
      <c r="H56" s="55"/>
      <c r="I56" s="50"/>
      <c r="J56" s="52"/>
      <c r="K56" s="19"/>
      <c r="L56" s="52"/>
      <c r="M56" s="19"/>
      <c r="N56" s="52"/>
      <c r="O56" s="19"/>
      <c r="P56" s="52"/>
      <c r="Q56" s="19"/>
      <c r="R56" s="52"/>
      <c r="S56" s="19"/>
      <c r="T56" s="52"/>
      <c r="U56" s="19"/>
      <c r="V56" s="114"/>
      <c r="W56" s="19"/>
      <c r="X56" s="17"/>
      <c r="Y56" s="19"/>
      <c r="Z56" s="17"/>
      <c r="AA56" s="20" t="s">
        <v>84</v>
      </c>
      <c r="AB56" s="52"/>
      <c r="AC56" s="125"/>
      <c r="AD56" s="52"/>
      <c r="AE56" s="19"/>
    </row>
    <row r="57" spans="1:31" ht="15" thickBot="1" x14ac:dyDescent="0.35">
      <c r="A57" s="28" t="s">
        <v>36</v>
      </c>
      <c r="B57" s="29" t="s">
        <v>126</v>
      </c>
      <c r="C57" s="29" t="s">
        <v>94</v>
      </c>
      <c r="D57" s="32"/>
      <c r="E57" s="31"/>
      <c r="F57" s="32"/>
      <c r="G57" s="31"/>
      <c r="H57" s="30" t="s">
        <v>108</v>
      </c>
      <c r="I57" s="49"/>
      <c r="J57" s="53" t="s">
        <v>127</v>
      </c>
      <c r="K57" s="19"/>
      <c r="L57" s="52"/>
      <c r="M57" s="19"/>
      <c r="N57" s="52"/>
      <c r="O57" s="19"/>
      <c r="P57" s="52"/>
      <c r="Q57" s="19"/>
      <c r="R57" s="52"/>
      <c r="S57" s="19"/>
      <c r="T57" s="52"/>
      <c r="U57" s="19"/>
      <c r="V57" s="112"/>
      <c r="W57" s="19"/>
      <c r="X57" s="17"/>
      <c r="Y57" s="19"/>
      <c r="Z57" s="17"/>
      <c r="AA57" s="19"/>
      <c r="AB57" s="52"/>
      <c r="AC57" s="125"/>
      <c r="AD57" s="52"/>
      <c r="AE57" s="19"/>
    </row>
    <row r="58" spans="1:31" ht="15" thickBot="1" x14ac:dyDescent="0.35">
      <c r="A58" s="63" t="s">
        <v>50</v>
      </c>
      <c r="B58" s="64" t="s">
        <v>154</v>
      </c>
      <c r="C58" s="64" t="s">
        <v>59</v>
      </c>
      <c r="D58" s="65"/>
      <c r="E58" s="66"/>
      <c r="F58" s="65"/>
      <c r="G58" s="66"/>
      <c r="H58" s="67"/>
      <c r="I58" s="68"/>
      <c r="J58" s="53"/>
      <c r="K58" s="19"/>
      <c r="L58" s="53" t="s">
        <v>57</v>
      </c>
      <c r="M58" s="19"/>
      <c r="N58" s="52"/>
      <c r="O58" s="19"/>
      <c r="P58" s="52"/>
      <c r="Q58" s="19"/>
      <c r="R58" s="52"/>
      <c r="S58" s="19"/>
      <c r="T58" s="52"/>
      <c r="U58" s="19"/>
      <c r="V58" s="112"/>
      <c r="W58" s="19"/>
      <c r="X58" s="17"/>
      <c r="Y58" s="19"/>
      <c r="Z58" s="17"/>
      <c r="AA58" s="19"/>
      <c r="AB58" s="52"/>
      <c r="AC58" s="125"/>
      <c r="AD58" s="52"/>
      <c r="AE58" s="19"/>
    </row>
    <row r="59" spans="1:31" ht="15" thickBot="1" x14ac:dyDescent="0.35">
      <c r="A59" s="63" t="s">
        <v>50</v>
      </c>
      <c r="B59" s="64" t="s">
        <v>157</v>
      </c>
      <c r="C59" s="64" t="s">
        <v>159</v>
      </c>
      <c r="D59" s="65"/>
      <c r="E59" s="66"/>
      <c r="F59" s="65"/>
      <c r="G59" s="66"/>
      <c r="H59" s="67"/>
      <c r="I59" s="68"/>
      <c r="J59" s="53"/>
      <c r="K59" s="19"/>
      <c r="L59" s="53" t="s">
        <v>102</v>
      </c>
      <c r="M59" s="19"/>
      <c r="N59" s="52"/>
      <c r="O59" s="20" t="s">
        <v>176</v>
      </c>
      <c r="P59" s="52"/>
      <c r="Q59" s="19"/>
      <c r="R59" s="52"/>
      <c r="S59" s="19"/>
      <c r="T59" s="52"/>
      <c r="U59" s="20" t="s">
        <v>56</v>
      </c>
      <c r="V59" s="112"/>
      <c r="W59" s="19"/>
      <c r="X59" s="17"/>
      <c r="Y59" s="19"/>
      <c r="Z59" s="17"/>
      <c r="AA59" s="19"/>
      <c r="AB59" s="52"/>
      <c r="AC59" s="125"/>
      <c r="AD59" s="52"/>
      <c r="AE59" s="19"/>
    </row>
    <row r="60" spans="1:31" ht="15" thickBot="1" x14ac:dyDescent="0.35">
      <c r="A60" s="63" t="s">
        <v>50</v>
      </c>
      <c r="B60" s="64" t="s">
        <v>177</v>
      </c>
      <c r="C60" s="64" t="s">
        <v>17</v>
      </c>
      <c r="D60" s="65"/>
      <c r="E60" s="66"/>
      <c r="F60" s="65"/>
      <c r="G60" s="66"/>
      <c r="H60" s="67"/>
      <c r="I60" s="68"/>
      <c r="J60" s="53"/>
      <c r="K60" s="19"/>
      <c r="L60" s="53"/>
      <c r="M60" s="19"/>
      <c r="N60" s="52"/>
      <c r="O60" s="20" t="s">
        <v>178</v>
      </c>
      <c r="P60" s="53" t="s">
        <v>99</v>
      </c>
      <c r="Q60" s="19"/>
      <c r="R60" s="52"/>
      <c r="S60" s="19"/>
      <c r="T60" s="52"/>
      <c r="U60" s="20" t="s">
        <v>37</v>
      </c>
      <c r="V60" s="112"/>
      <c r="W60" s="19"/>
      <c r="X60" s="17"/>
      <c r="Y60" s="19"/>
      <c r="Z60" s="17"/>
      <c r="AA60" s="19"/>
      <c r="AB60" s="52"/>
      <c r="AC60" s="125"/>
      <c r="AD60" s="52"/>
      <c r="AE60" s="19"/>
    </row>
    <row r="61" spans="1:31" ht="15" thickBot="1" x14ac:dyDescent="0.35">
      <c r="A61" s="63" t="s">
        <v>50</v>
      </c>
      <c r="B61" s="64" t="s">
        <v>158</v>
      </c>
      <c r="C61" s="64" t="s">
        <v>160</v>
      </c>
      <c r="D61" s="65"/>
      <c r="E61" s="66"/>
      <c r="F61" s="65"/>
      <c r="G61" s="66"/>
      <c r="H61" s="67"/>
      <c r="I61" s="68"/>
      <c r="J61" s="53"/>
      <c r="K61" s="19"/>
      <c r="L61" s="53" t="s">
        <v>162</v>
      </c>
      <c r="M61" s="19"/>
      <c r="N61" s="52"/>
      <c r="O61" s="19"/>
      <c r="P61" s="52"/>
      <c r="Q61" s="19"/>
      <c r="R61" s="52"/>
      <c r="S61" s="19"/>
      <c r="T61" s="52"/>
      <c r="U61" s="19"/>
      <c r="V61" s="112"/>
      <c r="W61" s="19"/>
      <c r="X61" s="17"/>
      <c r="Y61" s="19"/>
      <c r="Z61" s="17"/>
      <c r="AA61" s="19"/>
      <c r="AB61" s="52"/>
      <c r="AC61" s="125"/>
      <c r="AD61" s="52"/>
      <c r="AE61" s="19"/>
    </row>
    <row r="62" spans="1:31" ht="15" thickBot="1" x14ac:dyDescent="0.35">
      <c r="A62" s="63" t="s">
        <v>50</v>
      </c>
      <c r="B62" s="64" t="s">
        <v>179</v>
      </c>
      <c r="C62" s="64" t="s">
        <v>59</v>
      </c>
      <c r="D62" s="65"/>
      <c r="E62" s="66"/>
      <c r="F62" s="65"/>
      <c r="G62" s="66"/>
      <c r="H62" s="67"/>
      <c r="I62" s="68"/>
      <c r="J62" s="53"/>
      <c r="K62" s="19"/>
      <c r="L62" s="53"/>
      <c r="M62" s="19"/>
      <c r="N62" s="52"/>
      <c r="O62" s="20" t="s">
        <v>83</v>
      </c>
      <c r="P62" s="52"/>
      <c r="Q62" s="19"/>
      <c r="R62" s="52"/>
      <c r="S62" s="19"/>
      <c r="T62" s="52"/>
      <c r="U62" s="19"/>
      <c r="V62" s="112"/>
      <c r="W62" s="19"/>
      <c r="X62" s="17"/>
      <c r="Y62" s="19"/>
      <c r="Z62" s="17"/>
      <c r="AA62" s="19"/>
      <c r="AB62" s="52"/>
      <c r="AC62" s="125"/>
      <c r="AD62" s="52"/>
      <c r="AE62" s="19"/>
    </row>
    <row r="63" spans="1:31" ht="15" thickBot="1" x14ac:dyDescent="0.35">
      <c r="A63" s="63" t="s">
        <v>50</v>
      </c>
      <c r="B63" s="64" t="s">
        <v>155</v>
      </c>
      <c r="C63" s="64" t="s">
        <v>156</v>
      </c>
      <c r="D63" s="65"/>
      <c r="E63" s="66"/>
      <c r="F63" s="65"/>
      <c r="G63" s="66"/>
      <c r="H63" s="67"/>
      <c r="I63" s="68"/>
      <c r="J63" s="53"/>
      <c r="K63" s="19"/>
      <c r="L63" s="53" t="s">
        <v>161</v>
      </c>
      <c r="M63" s="19"/>
      <c r="N63" s="52"/>
      <c r="O63" s="19"/>
      <c r="P63" s="52"/>
      <c r="Q63" s="19"/>
      <c r="R63" s="52"/>
      <c r="S63" s="19"/>
      <c r="T63" s="52"/>
      <c r="U63" s="19"/>
      <c r="V63" s="112"/>
      <c r="W63" s="19"/>
      <c r="X63" s="17"/>
      <c r="Y63" s="19"/>
      <c r="Z63" s="17"/>
      <c r="AA63" s="19"/>
      <c r="AB63" s="52"/>
      <c r="AC63" s="125"/>
      <c r="AD63" s="52"/>
      <c r="AE63" s="19"/>
    </row>
    <row r="64" spans="1:31" ht="15" thickBot="1" x14ac:dyDescent="0.35">
      <c r="A64" s="63" t="s">
        <v>50</v>
      </c>
      <c r="B64" s="64" t="s">
        <v>174</v>
      </c>
      <c r="C64" s="64" t="s">
        <v>25</v>
      </c>
      <c r="D64" s="65"/>
      <c r="E64" s="66"/>
      <c r="F64" s="65"/>
      <c r="G64" s="66"/>
      <c r="H64" s="67"/>
      <c r="I64" s="68"/>
      <c r="J64" s="53"/>
      <c r="K64" s="19"/>
      <c r="L64" s="53"/>
      <c r="M64" s="19"/>
      <c r="N64" s="52"/>
      <c r="O64" s="20" t="s">
        <v>108</v>
      </c>
      <c r="P64" s="52"/>
      <c r="Q64" s="19"/>
      <c r="R64" s="52"/>
      <c r="S64" s="19"/>
      <c r="T64" s="52"/>
      <c r="U64" s="19"/>
      <c r="V64" s="112"/>
      <c r="W64" s="19"/>
      <c r="X64" s="17"/>
      <c r="Y64" s="19"/>
      <c r="Z64" s="17"/>
      <c r="AA64" s="19"/>
      <c r="AB64" s="52"/>
      <c r="AC64" s="125"/>
      <c r="AD64" s="52"/>
      <c r="AE64" s="19"/>
    </row>
    <row r="65" spans="1:31" ht="15" thickBot="1" x14ac:dyDescent="0.35">
      <c r="A65" s="35" t="s">
        <v>50</v>
      </c>
      <c r="B65" s="36" t="s">
        <v>44</v>
      </c>
      <c r="C65" s="36" t="s">
        <v>45</v>
      </c>
      <c r="D65" s="37"/>
      <c r="E65" s="38" t="s">
        <v>54</v>
      </c>
      <c r="F65" s="37"/>
      <c r="G65" s="39"/>
      <c r="H65" s="37"/>
      <c r="I65" s="51"/>
      <c r="J65" s="52"/>
      <c r="K65" s="19"/>
      <c r="L65" s="52"/>
      <c r="M65" s="19"/>
      <c r="N65" s="52"/>
      <c r="O65" s="19"/>
      <c r="P65" s="52"/>
      <c r="Q65" s="19"/>
      <c r="R65" s="52"/>
      <c r="S65" s="19"/>
      <c r="T65" s="52"/>
      <c r="U65" s="19"/>
      <c r="V65" s="112"/>
      <c r="W65" s="19"/>
      <c r="X65" s="17"/>
      <c r="Y65" s="19"/>
      <c r="Z65" s="17"/>
      <c r="AA65" s="19"/>
      <c r="AB65" s="52"/>
      <c r="AC65" s="125"/>
      <c r="AD65" s="52"/>
      <c r="AE65" s="19"/>
    </row>
    <row r="66" spans="1:31" ht="15" thickBot="1" x14ac:dyDescent="0.35">
      <c r="A66" s="35" t="s">
        <v>50</v>
      </c>
      <c r="B66" s="99" t="s">
        <v>202</v>
      </c>
      <c r="C66" s="99" t="s">
        <v>203</v>
      </c>
      <c r="D66" s="100"/>
      <c r="E66" s="101"/>
      <c r="F66" s="100"/>
      <c r="G66" s="102"/>
      <c r="H66" s="100"/>
      <c r="I66" s="103"/>
      <c r="J66" s="52"/>
      <c r="K66" s="19"/>
      <c r="L66" s="52"/>
      <c r="M66" s="19"/>
      <c r="N66" s="52"/>
      <c r="O66" s="19"/>
      <c r="P66" s="53" t="s">
        <v>208</v>
      </c>
      <c r="Q66" s="19"/>
      <c r="R66" s="52"/>
      <c r="S66" s="19"/>
      <c r="T66" s="52"/>
      <c r="U66" s="20" t="s">
        <v>248</v>
      </c>
      <c r="V66" s="112"/>
      <c r="W66" s="19"/>
      <c r="X66" s="17"/>
      <c r="Y66" s="19"/>
      <c r="Z66" s="17"/>
      <c r="AA66" s="20" t="s">
        <v>297</v>
      </c>
      <c r="AB66" s="52"/>
      <c r="AC66" s="125"/>
      <c r="AD66" s="52"/>
      <c r="AE66" s="19"/>
    </row>
    <row r="67" spans="1:31" ht="15" thickBot="1" x14ac:dyDescent="0.35">
      <c r="A67" s="35" t="s">
        <v>50</v>
      </c>
      <c r="B67" s="99" t="s">
        <v>206</v>
      </c>
      <c r="C67" s="99" t="s">
        <v>207</v>
      </c>
      <c r="D67" s="100"/>
      <c r="E67" s="101"/>
      <c r="F67" s="100"/>
      <c r="G67" s="102"/>
      <c r="H67" s="100"/>
      <c r="I67" s="103"/>
      <c r="J67" s="52"/>
      <c r="K67" s="19"/>
      <c r="L67" s="52"/>
      <c r="M67" s="19"/>
      <c r="N67" s="52"/>
      <c r="O67" s="19"/>
      <c r="P67" s="53" t="s">
        <v>130</v>
      </c>
      <c r="Q67" s="19"/>
      <c r="R67" s="52"/>
      <c r="S67" s="19"/>
      <c r="T67" s="52"/>
      <c r="U67" s="20" t="s">
        <v>249</v>
      </c>
      <c r="V67" s="112"/>
      <c r="W67" s="19"/>
      <c r="X67" s="17"/>
      <c r="Y67" s="19"/>
      <c r="Z67" s="17"/>
      <c r="AA67" s="19"/>
      <c r="AB67" s="52"/>
      <c r="AC67" s="125"/>
      <c r="AD67" s="52"/>
      <c r="AE67" s="20" t="s">
        <v>100</v>
      </c>
    </row>
    <row r="68" spans="1:31" ht="15" thickBot="1" x14ac:dyDescent="0.35">
      <c r="A68" s="35" t="s">
        <v>50</v>
      </c>
      <c r="B68" s="99" t="s">
        <v>204</v>
      </c>
      <c r="C68" s="99" t="s">
        <v>205</v>
      </c>
      <c r="D68" s="100"/>
      <c r="E68" s="101"/>
      <c r="F68" s="100"/>
      <c r="G68" s="102"/>
      <c r="H68" s="100"/>
      <c r="I68" s="103"/>
      <c r="J68" s="52"/>
      <c r="K68" s="19"/>
      <c r="L68" s="52"/>
      <c r="M68" s="19"/>
      <c r="N68" s="52"/>
      <c r="O68" s="19"/>
      <c r="P68" s="53" t="s">
        <v>213</v>
      </c>
      <c r="Q68" s="19"/>
      <c r="R68" s="52"/>
      <c r="S68" s="19"/>
      <c r="T68" s="52"/>
      <c r="U68" s="19"/>
      <c r="V68" s="112"/>
      <c r="W68" s="19"/>
      <c r="X68" s="17"/>
      <c r="Y68" s="19"/>
      <c r="Z68" s="17"/>
      <c r="AA68" s="20" t="s">
        <v>298</v>
      </c>
      <c r="AB68" s="52"/>
      <c r="AC68" s="125"/>
      <c r="AD68" s="52"/>
      <c r="AE68" s="19"/>
    </row>
    <row r="69" spans="1:31" ht="15" thickBot="1" x14ac:dyDescent="0.35">
      <c r="A69" s="35" t="s">
        <v>50</v>
      </c>
      <c r="B69" s="99" t="s">
        <v>250</v>
      </c>
      <c r="C69" s="99" t="s">
        <v>27</v>
      </c>
      <c r="D69" s="100"/>
      <c r="E69" s="101"/>
      <c r="F69" s="100"/>
      <c r="G69" s="102"/>
      <c r="H69" s="100"/>
      <c r="I69" s="103"/>
      <c r="J69" s="52"/>
      <c r="K69" s="19"/>
      <c r="L69" s="52"/>
      <c r="M69" s="19"/>
      <c r="N69" s="52"/>
      <c r="O69" s="19"/>
      <c r="P69" s="53"/>
      <c r="Q69" s="19"/>
      <c r="R69" s="52"/>
      <c r="S69" s="19"/>
      <c r="T69" s="52"/>
      <c r="U69" s="20" t="s">
        <v>251</v>
      </c>
      <c r="V69" s="112"/>
      <c r="W69" s="19"/>
      <c r="X69" s="17"/>
      <c r="Y69" s="19"/>
      <c r="Z69" s="17"/>
      <c r="AA69" s="19"/>
      <c r="AB69" s="52"/>
      <c r="AC69" s="125"/>
      <c r="AD69" s="52"/>
      <c r="AE69" s="20" t="s">
        <v>99</v>
      </c>
    </row>
    <row r="70" spans="1:31" ht="15" thickBot="1" x14ac:dyDescent="0.35">
      <c r="A70" s="35" t="s">
        <v>50</v>
      </c>
      <c r="B70" s="99" t="s">
        <v>209</v>
      </c>
      <c r="C70" s="99" t="s">
        <v>210</v>
      </c>
      <c r="D70" s="100"/>
      <c r="E70" s="101"/>
      <c r="F70" s="100"/>
      <c r="G70" s="102"/>
      <c r="H70" s="100"/>
      <c r="I70" s="103"/>
      <c r="J70" s="52"/>
      <c r="K70" s="19"/>
      <c r="L70" s="52"/>
      <c r="M70" s="19"/>
      <c r="N70" s="52"/>
      <c r="O70" s="19"/>
      <c r="P70" s="53" t="s">
        <v>214</v>
      </c>
      <c r="Q70" s="19"/>
      <c r="R70" s="52"/>
      <c r="S70" s="19"/>
      <c r="T70" s="52"/>
      <c r="U70" s="20" t="s">
        <v>236</v>
      </c>
      <c r="V70" s="112"/>
      <c r="W70" s="19"/>
      <c r="X70" s="17"/>
      <c r="Y70" s="19"/>
      <c r="Z70" s="17"/>
      <c r="AA70" s="20" t="s">
        <v>83</v>
      </c>
      <c r="AB70" s="52"/>
      <c r="AC70" s="125"/>
      <c r="AD70" s="52"/>
      <c r="AE70" s="20" t="s">
        <v>323</v>
      </c>
    </row>
    <row r="71" spans="1:31" ht="15" thickBot="1" x14ac:dyDescent="0.35">
      <c r="A71" s="35" t="s">
        <v>50</v>
      </c>
      <c r="B71" s="99" t="s">
        <v>252</v>
      </c>
      <c r="C71" s="99" t="s">
        <v>25</v>
      </c>
      <c r="D71" s="100"/>
      <c r="E71" s="101"/>
      <c r="F71" s="100"/>
      <c r="G71" s="102"/>
      <c r="H71" s="100"/>
      <c r="I71" s="103"/>
      <c r="J71" s="52"/>
      <c r="K71" s="19"/>
      <c r="L71" s="52"/>
      <c r="M71" s="19"/>
      <c r="N71" s="52"/>
      <c r="O71" s="19"/>
      <c r="P71" s="53"/>
      <c r="Q71" s="19"/>
      <c r="R71" s="52"/>
      <c r="S71" s="19"/>
      <c r="T71" s="52"/>
      <c r="U71" s="20" t="s">
        <v>54</v>
      </c>
      <c r="V71" s="112"/>
      <c r="W71" s="19"/>
      <c r="X71" s="17"/>
      <c r="Y71" s="19"/>
      <c r="Z71" s="17"/>
      <c r="AA71" s="19"/>
      <c r="AB71" s="52"/>
      <c r="AC71" s="125"/>
      <c r="AD71" s="52"/>
      <c r="AE71" s="19"/>
    </row>
    <row r="72" spans="1:31" ht="15" thickBot="1" x14ac:dyDescent="0.35">
      <c r="A72" s="35" t="s">
        <v>50</v>
      </c>
      <c r="B72" s="99" t="s">
        <v>211</v>
      </c>
      <c r="C72" s="99" t="s">
        <v>212</v>
      </c>
      <c r="D72" s="100"/>
      <c r="E72" s="101"/>
      <c r="F72" s="100"/>
      <c r="G72" s="102"/>
      <c r="H72" s="100"/>
      <c r="I72" s="103"/>
      <c r="J72" s="52"/>
      <c r="K72" s="19"/>
      <c r="L72" s="52"/>
      <c r="M72" s="19"/>
      <c r="N72" s="52"/>
      <c r="O72" s="19"/>
      <c r="P72" s="53" t="s">
        <v>84</v>
      </c>
      <c r="Q72" s="19"/>
      <c r="R72" s="52"/>
      <c r="S72" s="19"/>
      <c r="T72" s="52"/>
      <c r="U72" s="19"/>
      <c r="V72" s="112"/>
      <c r="W72" s="19"/>
      <c r="X72" s="17"/>
      <c r="Y72" s="19"/>
      <c r="Z72" s="17"/>
      <c r="AA72" s="20" t="s">
        <v>296</v>
      </c>
      <c r="AB72" s="52"/>
      <c r="AC72" s="125"/>
      <c r="AD72" s="52"/>
      <c r="AE72" s="19"/>
    </row>
    <row r="73" spans="1:31" x14ac:dyDescent="0.3">
      <c r="A73" s="22" t="s">
        <v>98</v>
      </c>
      <c r="B73" s="23" t="s">
        <v>87</v>
      </c>
      <c r="C73" s="23" t="s">
        <v>88</v>
      </c>
      <c r="D73" s="26"/>
      <c r="E73" s="25"/>
      <c r="F73" s="26"/>
      <c r="G73" s="33" t="s">
        <v>100</v>
      </c>
      <c r="H73" s="26"/>
      <c r="I73" s="45"/>
      <c r="J73" s="52"/>
      <c r="K73" s="19"/>
      <c r="L73" s="52"/>
      <c r="M73" s="19"/>
      <c r="N73" s="52"/>
      <c r="O73" s="19"/>
      <c r="P73" s="52"/>
      <c r="Q73" s="19"/>
      <c r="R73" s="52"/>
      <c r="S73" s="19"/>
      <c r="T73" s="52"/>
      <c r="U73" s="19"/>
      <c r="V73" s="112"/>
      <c r="W73" s="19"/>
      <c r="X73" s="17"/>
      <c r="Y73" s="19"/>
      <c r="Z73" s="17"/>
      <c r="AA73" s="19"/>
      <c r="AB73" s="52"/>
      <c r="AC73" s="125"/>
      <c r="AD73" s="52"/>
      <c r="AE73" s="19"/>
    </row>
    <row r="74" spans="1:31" x14ac:dyDescent="0.3">
      <c r="A74" s="56" t="s">
        <v>98</v>
      </c>
      <c r="B74" s="57" t="s">
        <v>138</v>
      </c>
      <c r="C74" s="57" t="s">
        <v>53</v>
      </c>
      <c r="D74" s="58"/>
      <c r="E74" s="59"/>
      <c r="F74" s="58"/>
      <c r="G74" s="60"/>
      <c r="H74" s="58"/>
      <c r="I74" s="61"/>
      <c r="J74" s="52"/>
      <c r="K74" s="20" t="s">
        <v>139</v>
      </c>
      <c r="L74" s="52"/>
      <c r="M74" s="19"/>
      <c r="N74" s="52"/>
      <c r="O74" s="19"/>
      <c r="P74" s="52"/>
      <c r="Q74" s="19"/>
      <c r="R74" s="52"/>
      <c r="S74" s="19"/>
      <c r="T74" s="52"/>
      <c r="U74" s="19"/>
      <c r="V74" s="112"/>
      <c r="W74" s="19"/>
      <c r="X74" s="17"/>
      <c r="Y74" s="19"/>
      <c r="Z74" s="17"/>
      <c r="AA74" s="19"/>
      <c r="AB74" s="52"/>
      <c r="AC74" s="125"/>
      <c r="AD74" s="52"/>
      <c r="AE74" s="19"/>
    </row>
    <row r="75" spans="1:31" x14ac:dyDescent="0.3">
      <c r="A75" s="56" t="s">
        <v>98</v>
      </c>
      <c r="B75" s="57" t="s">
        <v>140</v>
      </c>
      <c r="C75" s="57" t="s">
        <v>27</v>
      </c>
      <c r="D75" s="58"/>
      <c r="E75" s="59"/>
      <c r="F75" s="58"/>
      <c r="G75" s="60"/>
      <c r="H75" s="58"/>
      <c r="I75" s="61"/>
      <c r="J75" s="52"/>
      <c r="K75" s="20" t="s">
        <v>141</v>
      </c>
      <c r="L75" s="52"/>
      <c r="M75" s="19"/>
      <c r="N75" s="52"/>
      <c r="O75" s="19"/>
      <c r="P75" s="52"/>
      <c r="Q75" s="19"/>
      <c r="R75" s="52"/>
      <c r="S75" s="19"/>
      <c r="T75" s="52"/>
      <c r="U75" s="19"/>
      <c r="V75" s="112"/>
      <c r="W75" s="19"/>
      <c r="X75" s="17"/>
      <c r="Y75" s="20" t="s">
        <v>281</v>
      </c>
      <c r="Z75" s="17"/>
      <c r="AA75" s="19"/>
      <c r="AB75" s="52"/>
      <c r="AC75" s="125"/>
      <c r="AD75" s="53" t="s">
        <v>41</v>
      </c>
      <c r="AE75" s="20"/>
    </row>
    <row r="76" spans="1:31" x14ac:dyDescent="0.3">
      <c r="A76" s="56" t="s">
        <v>98</v>
      </c>
      <c r="B76" s="40" t="s">
        <v>132</v>
      </c>
      <c r="C76" s="40" t="s">
        <v>129</v>
      </c>
      <c r="D76" s="41"/>
      <c r="E76" s="42"/>
      <c r="F76" s="41"/>
      <c r="G76" s="43"/>
      <c r="H76" s="41"/>
      <c r="I76" s="50"/>
      <c r="J76" s="52"/>
      <c r="K76" s="20" t="s">
        <v>133</v>
      </c>
      <c r="L76" s="52"/>
      <c r="M76" s="19"/>
      <c r="N76" s="52"/>
      <c r="O76" s="19"/>
      <c r="P76" s="52"/>
      <c r="Q76" s="20" t="s">
        <v>110</v>
      </c>
      <c r="R76" s="52"/>
      <c r="S76" s="19"/>
      <c r="T76" s="52"/>
      <c r="U76" s="19"/>
      <c r="V76" s="112"/>
      <c r="W76" s="19"/>
      <c r="X76" s="17"/>
      <c r="Y76" s="20" t="s">
        <v>40</v>
      </c>
      <c r="Z76" s="17"/>
      <c r="AA76" s="19"/>
      <c r="AB76" s="52"/>
      <c r="AC76" s="125"/>
      <c r="AD76" s="53" t="s">
        <v>327</v>
      </c>
      <c r="AE76" s="20"/>
    </row>
    <row r="77" spans="1:31" x14ac:dyDescent="0.3">
      <c r="A77" s="27" t="s">
        <v>98</v>
      </c>
      <c r="B77" s="15" t="s">
        <v>95</v>
      </c>
      <c r="C77" s="15" t="s">
        <v>96</v>
      </c>
      <c r="D77" s="17"/>
      <c r="E77" s="19"/>
      <c r="F77" s="17"/>
      <c r="G77" s="20" t="s">
        <v>84</v>
      </c>
      <c r="H77" s="17"/>
      <c r="I77" s="46"/>
      <c r="J77" s="52"/>
      <c r="K77" s="19"/>
      <c r="L77" s="52"/>
      <c r="M77" s="19"/>
      <c r="N77" s="52"/>
      <c r="O77" s="19"/>
      <c r="P77" s="52"/>
      <c r="Q77" s="19"/>
      <c r="R77" s="52"/>
      <c r="S77" s="19"/>
      <c r="T77" s="52"/>
      <c r="U77" s="19"/>
      <c r="V77" s="112"/>
      <c r="W77" s="19"/>
      <c r="X77" s="17"/>
      <c r="Y77" s="19"/>
      <c r="Z77" s="17"/>
      <c r="AA77" s="19"/>
      <c r="AB77" s="52"/>
      <c r="AC77" s="125"/>
      <c r="AD77" s="52"/>
      <c r="AE77" s="19"/>
    </row>
    <row r="78" spans="1:31" x14ac:dyDescent="0.3">
      <c r="A78" s="54" t="s">
        <v>98</v>
      </c>
      <c r="B78" s="40" t="s">
        <v>145</v>
      </c>
      <c r="C78" s="40" t="s">
        <v>43</v>
      </c>
      <c r="D78" s="41"/>
      <c r="E78" s="42"/>
      <c r="F78" s="41"/>
      <c r="G78" s="43"/>
      <c r="H78" s="41"/>
      <c r="I78" s="50"/>
      <c r="J78" s="52"/>
      <c r="K78" s="20" t="s">
        <v>146</v>
      </c>
      <c r="L78" s="52"/>
      <c r="M78" s="19"/>
      <c r="N78" s="52"/>
      <c r="O78" s="19"/>
      <c r="P78" s="52"/>
      <c r="Q78" s="19"/>
      <c r="R78" s="52"/>
      <c r="S78" s="19"/>
      <c r="T78" s="52"/>
      <c r="U78" s="19"/>
      <c r="V78" s="112"/>
      <c r="W78" s="20" t="s">
        <v>229</v>
      </c>
      <c r="X78" s="17"/>
      <c r="Y78" s="19"/>
      <c r="Z78" s="17"/>
      <c r="AA78" s="19"/>
      <c r="AB78" s="52"/>
      <c r="AC78" s="125"/>
      <c r="AD78" s="53" t="s">
        <v>84</v>
      </c>
      <c r="AE78" s="20"/>
    </row>
    <row r="79" spans="1:31" x14ac:dyDescent="0.3">
      <c r="A79" s="54" t="s">
        <v>98</v>
      </c>
      <c r="B79" s="40" t="s">
        <v>134</v>
      </c>
      <c r="C79" s="40" t="s">
        <v>17</v>
      </c>
      <c r="D79" s="41"/>
      <c r="E79" s="42"/>
      <c r="F79" s="41"/>
      <c r="G79" s="43"/>
      <c r="H79" s="41"/>
      <c r="I79" s="50"/>
      <c r="J79" s="52"/>
      <c r="K79" s="20"/>
      <c r="L79" s="52"/>
      <c r="M79" s="19"/>
      <c r="N79" s="52"/>
      <c r="O79" s="20" t="s">
        <v>57</v>
      </c>
      <c r="P79" s="52"/>
      <c r="Q79" s="19"/>
      <c r="R79" s="52"/>
      <c r="S79" s="19"/>
      <c r="T79" s="52"/>
      <c r="U79" s="19"/>
      <c r="V79" s="112"/>
      <c r="W79" s="19"/>
      <c r="X79" s="17"/>
      <c r="Y79" s="19"/>
      <c r="Z79" s="17"/>
      <c r="AA79" s="19"/>
      <c r="AB79" s="52"/>
      <c r="AC79" s="125"/>
      <c r="AD79" s="52"/>
      <c r="AE79" s="19"/>
    </row>
    <row r="80" spans="1:31" x14ac:dyDescent="0.3">
      <c r="A80" s="54" t="s">
        <v>98</v>
      </c>
      <c r="B80" s="40" t="s">
        <v>136</v>
      </c>
      <c r="C80" s="40" t="s">
        <v>25</v>
      </c>
      <c r="D80" s="41"/>
      <c r="E80" s="42"/>
      <c r="F80" s="41"/>
      <c r="G80" s="43"/>
      <c r="H80" s="41"/>
      <c r="I80" s="50"/>
      <c r="J80" s="52"/>
      <c r="K80" s="20" t="s">
        <v>137</v>
      </c>
      <c r="L80" s="52"/>
      <c r="M80" s="19"/>
      <c r="N80" s="52"/>
      <c r="O80" s="19"/>
      <c r="P80" s="52"/>
      <c r="Q80" s="19"/>
      <c r="R80" s="52"/>
      <c r="S80" s="19"/>
      <c r="T80" s="52"/>
      <c r="U80" s="19"/>
      <c r="V80" s="112"/>
      <c r="W80" s="19"/>
      <c r="X80" s="17"/>
      <c r="Y80" s="19"/>
      <c r="Z80" s="17"/>
      <c r="AA80" s="19"/>
      <c r="AB80" s="52"/>
      <c r="AC80" s="125"/>
      <c r="AD80" s="52"/>
      <c r="AE80" s="19"/>
    </row>
    <row r="81" spans="1:31" ht="15" thickBot="1" x14ac:dyDescent="0.35">
      <c r="A81" s="28" t="s">
        <v>98</v>
      </c>
      <c r="B81" s="29" t="s">
        <v>97</v>
      </c>
      <c r="C81" s="29" t="s">
        <v>59</v>
      </c>
      <c r="D81" s="32"/>
      <c r="E81" s="31"/>
      <c r="F81" s="32"/>
      <c r="G81" s="34" t="s">
        <v>40</v>
      </c>
      <c r="H81" s="32"/>
      <c r="I81" s="49"/>
      <c r="J81" s="52"/>
      <c r="K81" s="19"/>
      <c r="L81" s="52"/>
      <c r="M81" s="19"/>
      <c r="N81" s="52"/>
      <c r="O81" s="20" t="s">
        <v>175</v>
      </c>
      <c r="P81" s="52"/>
      <c r="Q81" s="20" t="s">
        <v>219</v>
      </c>
      <c r="R81" s="52"/>
      <c r="S81" s="19"/>
      <c r="T81" s="52"/>
      <c r="U81" s="19"/>
      <c r="V81" s="112"/>
      <c r="W81" s="20" t="s">
        <v>266</v>
      </c>
      <c r="X81" s="17"/>
      <c r="Y81" s="19"/>
      <c r="Z81" s="17"/>
      <c r="AA81" s="19"/>
      <c r="AB81" s="52"/>
      <c r="AC81" s="125"/>
      <c r="AD81" s="52"/>
      <c r="AE81" s="19"/>
    </row>
  </sheetData>
  <sortState ref="A3:I57">
    <sortCondition ref="A3:A57"/>
  </sortState>
  <mergeCells count="1">
    <mergeCell ref="D1:I1"/>
  </mergeCells>
  <pageMargins left="0.7" right="0.7" top="0.75" bottom="0.75" header="0.3" footer="0.3"/>
  <pageSetup paperSize="9" scale="36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4</vt:i4>
      </vt:variant>
    </vt:vector>
  </HeadingPairs>
  <TitlesOfParts>
    <vt:vector size="4" baseType="lpstr">
      <vt:lpstr>wyniki</vt:lpstr>
      <vt:lpstr>Tabela</vt:lpstr>
      <vt:lpstr>kartki</vt:lpstr>
      <vt:lpstr>strzelc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iotr Stachurski</dc:creator>
  <cp:lastModifiedBy>Klaudia Grodzka</cp:lastModifiedBy>
  <cp:lastPrinted>2018-07-29T15:18:36Z</cp:lastPrinted>
  <dcterms:created xsi:type="dcterms:W3CDTF">2017-06-24T13:40:17Z</dcterms:created>
  <dcterms:modified xsi:type="dcterms:W3CDTF">2018-07-30T11:53:20Z</dcterms:modified>
</cp:coreProperties>
</file>